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30. Angiograf pre KK\PTK\PTK II\"/>
    </mc:Choice>
  </mc:AlternateContent>
  <bookViews>
    <workbookView xWindow="0" yWindow="0" windowWidth="23040" windowHeight="9195"/>
  </bookViews>
  <sheets>
    <sheet name="Cenová ponuka" sheetId="8" r:id="rId1"/>
  </sheets>
  <definedNames>
    <definedName name="_xlnm.Print_Area" localSheetId="0">'Cenová ponuka'!$B$1:$F$38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6" uniqueCount="557">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tovar, služba</t>
  </si>
  <si>
    <t>7.</t>
  </si>
  <si>
    <t>12.</t>
  </si>
  <si>
    <t>18.</t>
  </si>
  <si>
    <t>19.</t>
  </si>
  <si>
    <t>20.</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4</t>
  </si>
  <si>
    <t>5</t>
  </si>
  <si>
    <t>6</t>
  </si>
  <si>
    <t>7</t>
  </si>
  <si>
    <t>8</t>
  </si>
  <si>
    <t>9</t>
  </si>
  <si>
    <t>22.</t>
  </si>
  <si>
    <t>23.</t>
  </si>
  <si>
    <t>24.</t>
  </si>
  <si>
    <t>50421000-2 Opravy a údržba lekárskych zariadení</t>
  </si>
  <si>
    <t>60000000-8 Dopravné služby (bez prepravy odpadu)</t>
  </si>
  <si>
    <t>25.</t>
  </si>
  <si>
    <t>26.</t>
  </si>
  <si>
    <t>27.</t>
  </si>
  <si>
    <t>28.</t>
  </si>
  <si>
    <t>29.</t>
  </si>
  <si>
    <t>30.</t>
  </si>
  <si>
    <t>31.</t>
  </si>
  <si>
    <t>32.</t>
  </si>
  <si>
    <t>33.</t>
  </si>
  <si>
    <t>13</t>
  </si>
  <si>
    <t>14</t>
  </si>
  <si>
    <t xml:space="preserve">Upgrade jestvujúceho angiografického systému Artis zeego, na angiografické zariadenie s plochým detektorom, určené predovšetkým pre vykonávanie angiografií v intervenčnej kardiológii, vrátane DSA. s vysoko flexibilným robotickým C ramenom s maximálnym rozsahom pohybu s priamou digitalizáciou RTG obrazu a jeho plným digitálnym spracovaním, vrátane rotačnej angiografie s 3D znázornením obrazu cone beam technnológiou. Upgrade zariadenia zahŕňa predovšetkým: hardvérovú výmenu opotrebovaných častí angiografického zariadenia vrátane ich odbornú likvidáciu a  nahradenie týchto častí novými jednotkami, softvérový upgrade na vylepšenie funkcionality zariadenia a zníženie radiačnej záťaže pre personál a pacientov pri zlepšenej kvalite obrazu. </t>
  </si>
  <si>
    <t>flexibilný systém C-ramena musí umožniť dostatok voľného priestoru zo všetkých strán stola a počet parkovacích pozícií počas prípravy pacienta</t>
  </si>
  <si>
    <t>počas zákrokov musí byť dostatočné miesto pri hlave pacienta na oboch stranách pre prístup anestéziológa</t>
  </si>
  <si>
    <t>možnosť motorického a manuálneho umiestnenia zariadenia do parkovacej polohy mimo vyšetrovacieho stola kvôli voľnému prístupu k pacientovi zo všetkých strán</t>
  </si>
  <si>
    <t>antikolízny systém pre pohyby C ramena</t>
  </si>
  <si>
    <t>15</t>
  </si>
  <si>
    <t>16</t>
  </si>
  <si>
    <t>17</t>
  </si>
  <si>
    <t>všetky ovládacie prvky stola musia byť na konzole upevnené na boku vyšetrovacieho stola pre jednoduchý spôsob a prístup k ovládaniu,</t>
  </si>
  <si>
    <t>priečny pohyb dosky vyšetrovacieho stola minimálne 28 cm, +/- 14 cm</t>
  </si>
  <si>
    <t>nosnosť vyšetrovacieho stola s príslušenstvom min. 400 kg</t>
  </si>
  <si>
    <t>18.1</t>
  </si>
  <si>
    <t>18.2</t>
  </si>
  <si>
    <t>18.3</t>
  </si>
  <si>
    <t>18.4</t>
  </si>
  <si>
    <t>18.5</t>
  </si>
  <si>
    <t>18.6</t>
  </si>
  <si>
    <t>podlahovo montovaný vyšetrovací stôl výškovo nastaviteľný s plávajúcou úložnou  doskou s možnosťou otáčania</t>
  </si>
  <si>
    <t>pozdĺžny pohyb úložnej dosky pacientskeho stola min. 120 cm</t>
  </si>
  <si>
    <t>RTG generátor:</t>
  </si>
  <si>
    <t>automatická regulácia žiarenia pre snímkovanie a skiaskopiu s možnosťou variabilnej pulznej skiaskopie a pulznej skiagrafie</t>
  </si>
  <si>
    <t>19.1</t>
  </si>
  <si>
    <t>19.2</t>
  </si>
  <si>
    <t>19.3</t>
  </si>
  <si>
    <t>19.4</t>
  </si>
  <si>
    <t xml:space="preserve">
časovo neobmedzený maximálny kontinuálny výkon pri skiaskopickom režime minimálne 3200 W
</t>
  </si>
  <si>
    <t>19.5</t>
  </si>
  <si>
    <t>RTG žiarič:</t>
  </si>
  <si>
    <t xml:space="preserve">vysokootáčková mriežkou spínaná röntgenka s anódou uloženou v ložiskách s tekutým kovom </t>
  </si>
  <si>
    <t>Pacientsky stôl:</t>
  </si>
  <si>
    <t>Clona:</t>
  </si>
  <si>
    <t>20.1</t>
  </si>
  <si>
    <t>20.2</t>
  </si>
  <si>
    <t>20.3</t>
  </si>
  <si>
    <t>20.4</t>
  </si>
  <si>
    <t>20.5</t>
  </si>
  <si>
    <t>20.6</t>
  </si>
  <si>
    <t>20.7</t>
  </si>
  <si>
    <t>20.8</t>
  </si>
  <si>
    <t>20.9</t>
  </si>
  <si>
    <t>20.10</t>
  </si>
  <si>
    <t>21</t>
  </si>
  <si>
    <t>kolimátor s primárnymi vykrývacími obdĺžnikovými clonami a automatickými polopriepustnými clonami s automatickým natáčaním clôn synchronizované s rotáciou C ramena</t>
  </si>
  <si>
    <t>automatické synchrónne otáčanie clôn a detektora pri ľubovoľných pohyboch C ramena kvôli kompenzácii rotácie obrazu a zobrazeniu vyšetrovaného objektu vždy vertikálne na obrazovke.  Táto funkcia umožňuje znázorniť aj taký objekt kolmo , vzpriamene na monitore, ktorý nie je paralelne uložený s osou stola ako napr. horné končatiny pri radiálnom prístupe. Týmto sa eliminuje potreba opätovného nastavenia polohy obrazu</t>
  </si>
  <si>
    <t>21.1</t>
  </si>
  <si>
    <t>21.2</t>
  </si>
  <si>
    <t>21.3</t>
  </si>
  <si>
    <t>automatická voľba prídavnej spektrálnej filtrácie RTG žiarenia v závislosti na absorpcii objektu pri každom zvolenom druhu prevádzky (programu) pre zníženie celkovej dávky žiarenia rozsahu ekvivalentu od min. 0,2 až 0,9 mm Cu</t>
  </si>
  <si>
    <t>musí obsahovať inteligentný riadiaci softvér, ktorý pomáha minimalizovať dávku röntgenového žiarenia bez negatívnych vplyvov na kvalitu obrazu automatickým zasúvaním medených filtrov počas skiaskopie</t>
  </si>
  <si>
    <t>21.4</t>
  </si>
  <si>
    <t>21.5</t>
  </si>
  <si>
    <t>21.6</t>
  </si>
  <si>
    <t>21.7</t>
  </si>
  <si>
    <t>Zobrazovací systém s plochým detektorom:</t>
  </si>
  <si>
    <t>detektor z kryštalického resp. amorfného silikónu s vysokou citlivosťou</t>
  </si>
  <si>
    <t>integrovaná komôrka na meranie dávky</t>
  </si>
  <si>
    <t>vyberateľný raster na redukovanie dávky</t>
  </si>
  <si>
    <t>22.1</t>
  </si>
  <si>
    <t>22.2</t>
  </si>
  <si>
    <t>22.3</t>
  </si>
  <si>
    <t>22.4</t>
  </si>
  <si>
    <t>22.5</t>
  </si>
  <si>
    <t>22.6</t>
  </si>
  <si>
    <t>22.7</t>
  </si>
  <si>
    <t>22.8</t>
  </si>
  <si>
    <t>22.9</t>
  </si>
  <si>
    <t>22.10</t>
  </si>
  <si>
    <t>Display vo vyšetrovacej miestnosti:</t>
  </si>
  <si>
    <t>upgrade jestvujúceho stropného statívu s tromi 19" monitormi na stropný statív s farebným diagnostickým LCD monitorom pre znázornenie obrazov aj  z iných modalít a 3D obrazu, s uhlopriečkou min. 55"</t>
  </si>
  <si>
    <t>23.1</t>
  </si>
  <si>
    <t>23.2</t>
  </si>
  <si>
    <t>23.3</t>
  </si>
  <si>
    <t>23.4</t>
  </si>
  <si>
    <t>23.5</t>
  </si>
  <si>
    <t>23.6</t>
  </si>
  <si>
    <t>ochranný kryt na display  z odolného pevného priehľadného materiálu („tvrdeného skla“)</t>
  </si>
  <si>
    <t>Display v ovládacej miestnosti:</t>
  </si>
  <si>
    <t>Pracovné akvizičné módy:</t>
  </si>
  <si>
    <t>roadmap/digitálna subtrakčná angiografia</t>
  </si>
  <si>
    <t>24.1</t>
  </si>
  <si>
    <t>25.1</t>
  </si>
  <si>
    <t>25.2</t>
  </si>
  <si>
    <t>25.3</t>
  </si>
  <si>
    <t>25.4</t>
  </si>
  <si>
    <t>25.5</t>
  </si>
  <si>
    <t>25.6</t>
  </si>
  <si>
    <t>25.7</t>
  </si>
  <si>
    <t>25.8</t>
  </si>
  <si>
    <t>25.9</t>
  </si>
  <si>
    <t>25.10</t>
  </si>
  <si>
    <t>25.11</t>
  </si>
  <si>
    <t>25.12</t>
  </si>
  <si>
    <t>25.13</t>
  </si>
  <si>
    <t>25.14</t>
  </si>
  <si>
    <t>25.15</t>
  </si>
  <si>
    <t>25.16</t>
  </si>
  <si>
    <t>archivácia referenčných snímok na interný pevný disk v DICOM formáte</t>
  </si>
  <si>
    <t>LIH - posledný archivovaný obraz</t>
  </si>
  <si>
    <t>znázornenie anatomického pozadia v DSA obraze</t>
  </si>
  <si>
    <t>softvér pre zvýraznené znázornenie stentov</t>
  </si>
  <si>
    <t>softvér pre zvýraznené znázornenie stentov v reálnom čase</t>
  </si>
  <si>
    <t>pulzná skiaskopia</t>
  </si>
  <si>
    <t>protokoly na snímkovanie a skiaskopiu vrátane 3D snímkovania s nízkou dávkou na zredukovanie dávky žiarenia, redukcia dávky min. 60% vo vybraných situáciách</t>
  </si>
  <si>
    <t>Aplikácie na minimalizovanie dávky röntgenového žiarenia bez negatívnych vplyvov na kvalitu obrazu:</t>
  </si>
  <si>
    <t>automatický riadiaci systém rtg generátora pre plne automatický výpočet a optimalizáciu údajov pre expozíciu na základe skiaskopických hodnôt</t>
  </si>
  <si>
    <t>automatická filtrácia primárneho žiarenia podľa absorpcie žiarenia objektu dodatočnými medenými filtrami</t>
  </si>
  <si>
    <t>monitorovanie a znázornenie dávky na monitoroch v obsluhovni a vo vyšetrovni v reálnom čase</t>
  </si>
  <si>
    <t>signalizácia dosiahnutia a prekročenia užívateľom stanovenej dávky</t>
  </si>
  <si>
    <t>report o dávke s štrukturálnom reporte v DICOM formáte (DICOM SR)</t>
  </si>
  <si>
    <t>Obrazový systém - základné funkcie:</t>
  </si>
  <si>
    <t>27.1</t>
  </si>
  <si>
    <t>27.2</t>
  </si>
  <si>
    <t>27.3</t>
  </si>
  <si>
    <t>27.4</t>
  </si>
  <si>
    <t>27.5</t>
  </si>
  <si>
    <t>27.6</t>
  </si>
  <si>
    <t>27.7</t>
  </si>
  <si>
    <t>27.8</t>
  </si>
  <si>
    <t>27.9</t>
  </si>
  <si>
    <t>vyhodnotenie a korekcia homogenity obrazu v reálnom čase</t>
  </si>
  <si>
    <t>automatická úprava šumu obrazu v reálnom čase</t>
  </si>
  <si>
    <t>zvýraznenie hrán žíl v reálnom čase</t>
  </si>
  <si>
    <t>zredukovanie pohybových artefaktov v reálnom čase</t>
  </si>
  <si>
    <t>okamžitý prístup k nasnímaným dátam a možnosť ich prehrávania</t>
  </si>
  <si>
    <t xml:space="preserve">SW pro TAVI, SW vybavenie umožňujúce „live“ živú navigáciu pre vykonávanie napr. TAVI procedúr; SW musí umožňovať on-line fúziu 3D anatomickej mapy srdca (častí srdca) z predom získaných a importovaných CT dát srdca a živého RTG obrazu aj z 3D generovaných obrazov na angiografickom prístroji a živého RTG obrazu   </t>
  </si>
  <si>
    <t>duálna vizualizácia substrahovaného a 3D obrazu</t>
  </si>
  <si>
    <t>kvantifikácia veľkých ciev</t>
  </si>
  <si>
    <t>fúzia 3D obrazov z nezávislých obrazových zdrojov ako MR,CT s 3D angio obrazom</t>
  </si>
  <si>
    <t>fúzia 3D obrazov z nezávislých obrazových zdrojov ako MR,CT s 2D angio obrazom</t>
  </si>
  <si>
    <t>segmentácia anatomických štruktúr z nezávislých obrazových zdrojov ako MR, CT, alebo angio obrazu</t>
  </si>
  <si>
    <t>SW na vizualizáciu mäkkých tkanív srdca a na vizualizáciu a automatickú segmentáciu ľavej predsiene srdca z generovaných obrazov na angiografickom prístroji pomocou Cone Beam CT technológiou, aj z generovaných CT alebo MR obrazov. SW umožňuje virtuálne endoskopické znázornenie ľavej predsiene a pulmonálnej tepny. Segmentácie a vyznačené objekty alebo ablačné body môžu byť fúzované do 3D obrazu mapovacieho systému a následne použité pri vykonávaní intervenčných postupov</t>
  </si>
  <si>
    <t>program na podporu pri zavádzaní a výmeny aortálnej chlopne</t>
  </si>
  <si>
    <t>28.1</t>
  </si>
  <si>
    <t>28.2</t>
  </si>
  <si>
    <t>28.3</t>
  </si>
  <si>
    <t>28.4</t>
  </si>
  <si>
    <t>28.5</t>
  </si>
  <si>
    <t>28.6</t>
  </si>
  <si>
    <t>28.7</t>
  </si>
  <si>
    <t>28.8</t>
  </si>
  <si>
    <t>28.9</t>
  </si>
  <si>
    <t>28.10</t>
  </si>
  <si>
    <t>28.11</t>
  </si>
  <si>
    <t>28.12</t>
  </si>
  <si>
    <t>28.13</t>
  </si>
  <si>
    <t>28.14</t>
  </si>
  <si>
    <t>28.15</t>
  </si>
  <si>
    <t>Obsluha zariadenia vo vyšetrovni:</t>
  </si>
  <si>
    <t>ovládanie všetkých funkcií C ramena, detektora, kolimátora a stola priamo od vyšetrovacieho stola aj z ovládovne, možnosť vizualizácie uhlovej pozície C ramena na monitore vo vyšetrovni aj v ovládovni</t>
  </si>
  <si>
    <t>bezkáblový nožný spínač vo vyšetrovni pre ovládanie expozície, skiaskopie fluoroskopie a drôtový nožný spínač v obsluhovni pre ovládanie expozície, skiaskopie fluoroskopie</t>
  </si>
  <si>
    <t>Príslušenstvo:</t>
  </si>
  <si>
    <t xml:space="preserve">bodové svetlo na otočnom ramene </t>
  </si>
  <si>
    <t>29.1</t>
  </si>
  <si>
    <t>29.2</t>
  </si>
  <si>
    <t>29.3</t>
  </si>
  <si>
    <t>29.4</t>
  </si>
  <si>
    <t>radiačná ochrana spodnej časti tela</t>
  </si>
  <si>
    <t>radiačná ochrana vrchnej časti tela</t>
  </si>
  <si>
    <t>dorozumievacie zariadenie medzi obsluhovňou a vyšetrovňou</t>
  </si>
  <si>
    <t>záložný zdroj na zabezpečenie nepretržitej prevádzky po výpadku elektrickej energie do min. 10 minút vrátane núdzovej skiaskopie</t>
  </si>
  <si>
    <t>projekt rozvádzača k pripojeniu k elektrického rozvodu</t>
  </si>
  <si>
    <t>30.1</t>
  </si>
  <si>
    <t>30.2</t>
  </si>
  <si>
    <t>30.3</t>
  </si>
  <si>
    <t>30.4</t>
  </si>
  <si>
    <t>30.5</t>
  </si>
  <si>
    <t>30.6</t>
  </si>
  <si>
    <t>30.7</t>
  </si>
  <si>
    <t>HW a SW pre integráciu prístrojov tretích strán</t>
  </si>
  <si>
    <t>integrácia IVUS/FFR/iFR</t>
  </si>
  <si>
    <t>integrácia USG prístrojov s TEEa ICE sondami</t>
  </si>
  <si>
    <t xml:space="preserve">Systém zahŕňa nasledovné moduly: </t>
  </si>
  <si>
    <t>HW s SW upgrade jestvujúceho hemodynamického systému</t>
  </si>
  <si>
    <t>32.1</t>
  </si>
  <si>
    <t xml:space="preserve">hemodynamický informačný a záznamový systém - kompletný systém na vyhodnocovanie hemodynamických parametrov s interfejsom pre obojstrannú komunikáciu s angiografickým zariadením pre transfer demografických dát z angiografického zariadenia ako sú  napr. RAO/LAO uhol, GRAN/CAUD uhol, obrazová frekvencia snímkovania, čas trvania skiaskopie, fokus, dávka žiarenia </t>
  </si>
  <si>
    <t>32.2</t>
  </si>
  <si>
    <t>32.2.1</t>
  </si>
  <si>
    <t>spracovanie administratívnych dát (predpísané lieky, katétre, prenos dát pacientov z nemocničného informačného systému plánovaných na invazívny výkon - worklist)</t>
  </si>
  <si>
    <t>32.2.2</t>
  </si>
  <si>
    <t>32.2.3</t>
  </si>
  <si>
    <t>32.2.4</t>
  </si>
  <si>
    <t>32.3</t>
  </si>
  <si>
    <t>2 samostatné monitory v kontrolnej miestnosti pre hemodynamické krivky a textových informácií</t>
  </si>
  <si>
    <t>32.3.1</t>
  </si>
  <si>
    <t>meranie srdcového výdaja</t>
  </si>
  <si>
    <t>4x invazívny tlak</t>
  </si>
  <si>
    <t>32.3.2</t>
  </si>
  <si>
    <t>32.3.3</t>
  </si>
  <si>
    <t>32.3.4</t>
  </si>
  <si>
    <t>32.3.5</t>
  </si>
  <si>
    <t>Príslušenstvo pre hemodynamický systém:</t>
  </si>
  <si>
    <t>32.4</t>
  </si>
  <si>
    <t>rtg transparentné EKG káble</t>
  </si>
  <si>
    <t>DICOM rozhranie – DICOM HIS/RIS Worklist/MPPS</t>
  </si>
  <si>
    <t>32.4.1</t>
  </si>
  <si>
    <t>32.4.2</t>
  </si>
  <si>
    <t>32.4.3</t>
  </si>
  <si>
    <t>32.4.4</t>
  </si>
  <si>
    <t>32.4.5</t>
  </si>
  <si>
    <t>32.4.6</t>
  </si>
  <si>
    <t>Dozimetrický systém</t>
  </si>
  <si>
    <t>USG prístroj</t>
  </si>
  <si>
    <t>2D</t>
  </si>
  <si>
    <t>34.</t>
  </si>
  <si>
    <t>bezdrôtová lineárna širokopásmová sonda určená na vyšetrovanie malých častí, ciev a nervov</t>
  </si>
  <si>
    <t>frekvenčný rozsah min. 5-17 MHz</t>
  </si>
  <si>
    <t>počet elementov min. 128</t>
  </si>
  <si>
    <t xml:space="preserve">bezdrôtová konvexná širokopásmová sonda určená na vyšetrovanie oblasti abdoménu </t>
  </si>
  <si>
    <t>frekvenčný rozsah min. 2-5 MHz</t>
  </si>
  <si>
    <t>bioptické násadce pre lineárnu a konvexnú sondu</t>
  </si>
  <si>
    <t>Color Doppler – farebné mapovanie.</t>
  </si>
  <si>
    <t>34.1</t>
  </si>
  <si>
    <t>34.2</t>
  </si>
  <si>
    <t>34.3</t>
  </si>
  <si>
    <t>34.4</t>
  </si>
  <si>
    <t>34.5</t>
  </si>
  <si>
    <t>34.6</t>
  </si>
  <si>
    <t>34.7</t>
  </si>
  <si>
    <t>34.8</t>
  </si>
  <si>
    <t>34.9</t>
  </si>
  <si>
    <t>34.10</t>
  </si>
  <si>
    <t>34.11</t>
  </si>
  <si>
    <t>34.12</t>
  </si>
  <si>
    <t>34.13</t>
  </si>
  <si>
    <t>34.14</t>
  </si>
  <si>
    <t>34.15</t>
  </si>
  <si>
    <t>34.16</t>
  </si>
  <si>
    <t>Špeciálne požiadavky</t>
  </si>
  <si>
    <t>35.</t>
  </si>
  <si>
    <t>35.1</t>
  </si>
  <si>
    <t>35.2</t>
  </si>
  <si>
    <t xml:space="preserve">softvérový upgrade na vylepšenie funkcionality zariadenia a zníženie radiačnej záťaže pre personál a pacientov pri zlepšenej kvalite obrazu. </t>
  </si>
  <si>
    <t>35.2.1</t>
  </si>
  <si>
    <t>35.2.2</t>
  </si>
  <si>
    <t>upgrade jestvujúceho angiografického systému Artis zeego, na angiografické zariadenie s plochým detektorom, určené predovšetkým pre vykonávanie angiografií v intervenčnej kardiológii, vrátane DSA. s vysoko flexibilným robotickým C ramenom s maximálnym rozsahom pohybu s priamou digitalizáciou RTG obrazu a jeho plným digitálnym spracovaním, vrátane rotačnej angiografie s 3D znázornením obrazu cone beam technnológiou</t>
  </si>
  <si>
    <t>upgrade zariadenia zahŕňa predovšetkým: hardvérovú výmenu opotrebovaných častí angiografického zariadenia vrátane ich odbornej likvidácie a nahradenie týchto častí novými jednotkami, softvérový upgrade na vylepšenie funkcionality zariadenia a zníženie radiačnej záťaže pre personál a pacientov pri zlepšenej kvalite obrazu</t>
  </si>
  <si>
    <t xml:space="preserve">možnosť zmeny výšky izocentra C-ramena min. 40 cm </t>
  </si>
  <si>
    <t>motoricky meniteľná vzdialenosť ohniska žiariča a detektora v rozsahu min. 30 cm</t>
  </si>
  <si>
    <t>rozsah rotácie C ramena v RAO/LAO min. -/+160°</t>
  </si>
  <si>
    <t>rotačná angiografia s rotáciou min. 360°</t>
  </si>
  <si>
    <t>najvyššia rýchlosť počas manuálnej angulácie medzi pozíciami LAO/RAO min. 25°/sec.</t>
  </si>
  <si>
    <t>najvyššia rýchlosť počas automatického pohonu medzi pozíciami CRAN/CAUD min. 20°/sec.</t>
  </si>
  <si>
    <t>rýchlosť rotácie C-ramena pri rotačnej angiografii min. 60°/sec.</t>
  </si>
  <si>
    <t>výkon generátora min. 100 kW pri 100 kV</t>
  </si>
  <si>
    <t>frekvencia striedača VN generátora min. 100 kHz</t>
  </si>
  <si>
    <t>plnoautomatická pulzná skiaskopická prevádzka a expozičný režim s voľbou orgánových programov pre každý  obrazový mód min. 20</t>
  </si>
  <si>
    <t>maximálny skiaskopický prúd pre malé ohnisko rtg žiariča min. 250 mA</t>
  </si>
  <si>
    <t>tepelná kapacita anódy min. 5 MHU</t>
  </si>
  <si>
    <t>tepelná kapacita rtg žiariča min. 7 MHU</t>
  </si>
  <si>
    <t>počet ohnísk min. 3</t>
  </si>
  <si>
    <t>fyzická veľkosť malého ohniska max. 0,4 mm</t>
  </si>
  <si>
    <t>veľkosť veľkého ohniska max. 1,0 mm</t>
  </si>
  <si>
    <t>20.11</t>
  </si>
  <si>
    <t>počet prídavných filtrov na zníženie radiačnej dávky min. 3</t>
  </si>
  <si>
    <t>aktívne rozmery detektora min. 29x39 cm</t>
  </si>
  <si>
    <t>rozlišovacia schopnosť detektora min. 3 Lp/mm,</t>
  </si>
  <si>
    <t>veľkosť pixela max. 160 μm</t>
  </si>
  <si>
    <t xml:space="preserve">hĺbka digitalizácie min.16 bit </t>
  </si>
  <si>
    <t>obrazové spracovanie a archivácia obrazu na internú pamäť  1k x 1k alebo 2k min. 12 bit</t>
  </si>
  <si>
    <t>DQE (kvantová účinnosť detektora) min. 70%</t>
  </si>
  <si>
    <t>rozlíšenie monitora min.  8 Mpix</t>
  </si>
  <si>
    <t>počet videovstupov min. 24</t>
  </si>
  <si>
    <t xml:space="preserve">znázornenie obrazu v matrici min. 1k x 1k  </t>
  </si>
  <si>
    <t>3D rotačná angiografia s nízko a vysoko kontrastným rozlíšením s rotáciou min. 60°/sec a rýchlosťou snímkovania min 60 obrazov/sec.</t>
  </si>
  <si>
    <t xml:space="preserve">spracovanie obrazu a archivácia v matici min. 1024 x 1024/12 bit  </t>
  </si>
  <si>
    <t xml:space="preserve">záznamová kapacita pre maticu min. 50 000 obrazov v 1024 x 1024/12 </t>
  </si>
  <si>
    <t>rotačná angiografia s rozsahom rotácie min. 360°</t>
  </si>
  <si>
    <t xml:space="preserve">51400000-9 Inštalácia lekárskych zariadení </t>
  </si>
  <si>
    <t>33111720 -4 Angiografické prístroje</t>
  </si>
  <si>
    <t>hardvérovú výmenu opotrebovaných častí angiografického zariadenia vrátane ich odbornej likvidácie a nahradenie týchto častí novými jednotkami</t>
  </si>
  <si>
    <r>
      <rPr>
        <b/>
        <sz val="10"/>
        <color theme="1"/>
        <rFont val="Arial"/>
        <family val="2"/>
        <charset val="238"/>
      </rPr>
      <t xml:space="preserve">Zoznam a kontaktné údaje servisných stredísk </t>
    </r>
    <r>
      <rPr>
        <sz val="10"/>
        <color theme="1"/>
        <rFont val="Arial"/>
        <family val="2"/>
        <charset val="238"/>
      </rPr>
      <t>dodávateľa pre potreby plnenia zmluvy. Požadovaný doklad musí uchádzač predložiť vo forme naskenovaného originálu, vo formáte .pdf s názvom „Zoznam servisných stredísk“.</t>
    </r>
  </si>
  <si>
    <r>
      <rPr>
        <b/>
        <sz val="10"/>
        <color theme="1"/>
        <rFont val="Arial"/>
        <family val="2"/>
        <charset val="238"/>
      </rPr>
      <t>Kontaktné údaje na Klientske pracovisko</t>
    </r>
    <r>
      <rPr>
        <sz val="10"/>
        <color theme="1"/>
        <rFont val="Arial"/>
        <family val="2"/>
        <charset val="238"/>
      </rPr>
      <t xml:space="preserve"> uchádzača - tzv. „Hotline", „Helpdesk", „Call centrum ..."pre potreby plnenia zmluvy. Požadovaný doklad musí uchádzač predložiť vo forme naskenovaného originálu, vo formáte .pdf s názvom „Kontaktné údaje na klientske pracovisko“.</t>
    </r>
  </si>
  <si>
    <t>Odborné skúšky RTG zariadenia v súlade s legislatívou - preberacia skúška</t>
  </si>
  <si>
    <t xml:space="preserve">Odborná skúška zariadenia - elektrické revízie </t>
  </si>
  <si>
    <t>Skúšky dlhodobej stability v zmysle zákona č. 87/2018 o radiačnej ochrane a o zmene a doplnení niektorých zákonov</t>
  </si>
  <si>
    <r>
      <rPr>
        <b/>
        <sz val="10"/>
        <color theme="1"/>
        <rFont val="Arial"/>
        <family val="2"/>
        <charset val="238"/>
      </rPr>
      <t>Povolenie na dovoz, vývoz, predaj a distribúciu zdrojov ionizujúceho žiarenia.</t>
    </r>
    <r>
      <rPr>
        <sz val="10"/>
        <color theme="1"/>
        <rFont val="Arial"/>
        <family val="2"/>
        <charset val="238"/>
      </rPr>
      <t xml:space="preserve"> Rovnako ako aj povolenie na inštaláciu a servis zdrojov ionizujúceho žiarenia, vydané Úradom verejného zdravotníctva SR - zákon 355/2007 Z.z.</t>
    </r>
  </si>
  <si>
    <t>musí zabezpečiť ľubovoľnú pracovnú polohu C ramena aj pri ľubovoľnej pozícii vyšetrovacieho stola</t>
  </si>
  <si>
    <t>Požaduje sa uzatvorenie kúpnej zmluvy.</t>
  </si>
  <si>
    <t>Požaduje sa splnenie predmetu zákazky:</t>
  </si>
  <si>
    <t>v pracovných dňoch,</t>
  </si>
  <si>
    <t>v čase od 07:00 hod. do 14:30 hod.,</t>
  </si>
  <si>
    <t xml:space="preserve">v sídle Objednávateľa na vlastné náklady,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tnúť potrebnú súčinnosť pri dodaní,</t>
  </si>
  <si>
    <t>s preberacím protokolom, ktorý musí obsahovať okrem povinných náležitostí aj číslo objednávky (ak bola vystavená), číslo zmluvy, jednotkovú cenu príslušnej položky bez DPH, s DPH, sadzbu DPH, celkovú cenu príslušnej položky bez DPH, s DPH.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predmetu zákazky je Objednávateľ povinný Dodávateľovi písomne potvrdiť na preberacom protokole. Jedna kópia preberacieho protokolu ostáva Objednávateľovi. V prípade uplatnenia oprávnenej výhrady Objednávateľa pri dodaní predmetu zákazky, ostáva predmet zákazky vo vlastníctve Dodávateľa až do doby, kým Dodávateľ neodstráni prekážku, ktorá bráni Objednávateľovi predmet zákazky riadne prevziať. </t>
  </si>
  <si>
    <t>Objednávateľ si vyhradzuje právo prevziať iba plnenie spĺňajúce všetky technické vlastnosti uvedené v Technickej špecifikácií predmetu zákazky, ktorý je funkčný, bez zjavných vád, dodaný v kompletnom stave a v požadovanom množstve. V opačnom prípade si Objednávateľ predmetu zákazky vyhradzuje právo nepodpísať preberací protokol, neprevziať doručený tovar a nezaplatiť cenu za riadne nedodaný tovar.</t>
  </si>
  <si>
    <t>Funkčné, technické a výkonnostné požiadavky na predmet zákazky, ktoré sú uvedené v Technickej špecifikácii predmetu zákazky sú považované za minimálne. Objednávateľ predmetu zákazky akceptuje aj také funkčné, technické a výkonnostné vlastnosti predmetu zákazk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ákazky.</t>
  </si>
  <si>
    <t>Súčasťou záväzku Dodávateľa je zároveň poskytnutie písomných dokladov potrebných pre riadne a bezchybné použitie predmetu zákazky na stanovený účel, a to najmä, no nie len výlučne: návod na použitie v slovenskom alebo českom jazyku, záručný list, preberací (akceptačný) protokol, inštalačný protokol, protokol o odbornom zaškolení zamestnancov Objednávateľa s obsluhou predmetu zákazky.</t>
  </si>
  <si>
    <t>Súčasťou dodania predmetu zákazky je aj povinnosť Dodávateľa odovzdať Objednávateľovi:
- zoznam a kontaktné údaje servisných stredísk Dodávateľa pre potreby plnenia zmluvy,
- kontaktné údaje na Klientske pracovisko Dodávateľa - tzv. "Hotline", "Helpdesk", "Call centrum..." pre potreby plnenia zmluvy.</t>
  </si>
  <si>
    <t>Požaduje sa o inštalácii predmetu zákazky spísanie Inštalačného protokolu.</t>
  </si>
  <si>
    <t>Požaduje sa zaškolenie zamestnancov Objednávateľa o obsluhe predmetu zákazky najneskôr pri inštalácii predmetu zákazky a spísanie Protokolu o zaškolení.</t>
  </si>
  <si>
    <t>Požaduje sa otestovanie funkčnosti systému bezodkladne po inštalácii predmetu zákazky, o čom bude vystavené potvrdenie o funkčnosti systému.</t>
  </si>
  <si>
    <t>Požaduje sa poskytnutie záručnej doby na predmet zákazky v trvaní minimálne
24 kalendárnych mesiacov odo dňa protokolárneho odovzdania predmetu zákazky.</t>
  </si>
  <si>
    <t>Dodávateľ je povinný vystaviť faktúru za poskytnuté plnenie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určenú e-mailovú adresu Objednávateľa: podatelna@vusch.sk</t>
  </si>
  <si>
    <t xml:space="preserve">Požaduje sa v zmysle § 340b ods. 5 zákona č. 513/1991 Z. z. Obchodného zákonníka v znení neskorších predpisov splatnosť faktúry v lehote 60  kalendárnych dní odo dňa jej doručenia Objednávateľovi. </t>
  </si>
  <si>
    <t>Zmluvná cena zahŕňa aj služby spojené s jeho dodaním, t. j. zabezpečenie dopravy do dohodnutého miesta dodania tovaru, dopravu Dodávateľa do miesta dodania a späť, ako aj všetky ostatné náklady Dodávateľa vynaložené v súvislosti s dodaním tovaru/poskytnutím služieb Objednávateľovi, uvedením do prevádzky (inštaláciou), odborným zaškolením obsluhy, poskytnutím užívateľskej dokumentácie, poskytnutím licencií, ako aj poskytovanie záručného servisu v mieste inštalácie.</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počas záručnej doby, nahlásiť Dodávateľovi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tiež zaslaním e-mailovej správy na oznám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2.1</t>
  </si>
  <si>
    <t>2.2</t>
  </si>
  <si>
    <t>2.3</t>
  </si>
  <si>
    <t>2.4</t>
  </si>
  <si>
    <t>2.5</t>
  </si>
  <si>
    <t>2.6</t>
  </si>
  <si>
    <t>13.</t>
  </si>
  <si>
    <t>14.</t>
  </si>
  <si>
    <t>15.</t>
  </si>
  <si>
    <t>16.</t>
  </si>
  <si>
    <t>17.</t>
  </si>
  <si>
    <t>21.</t>
  </si>
  <si>
    <t>26.1</t>
  </si>
  <si>
    <t>26.2</t>
  </si>
  <si>
    <t>36.</t>
  </si>
  <si>
    <t>Technologický projekt - návrh priestorového usporiadania</t>
  </si>
  <si>
    <t xml:space="preserve">Požadované minimálne osobitné požiadavky na predmet zákazky a doklady (tieto doklady budú požadované vo vyhlásenom verejnom obstarávaní):
</t>
  </si>
  <si>
    <t xml:space="preserve">Upgrade angiografického systému Artis zeego s príslušenstvom pre invazívnu kardiológiu </t>
  </si>
  <si>
    <t xml:space="preserve">možnosť motorického posúvania C ramena s možnosťou snímkovania a skiaskopie v pozdĺžnom aj v priečnom smere voči pacientskemu stolu  pri konštantnej polohe stola aj pri polohách C ramena na ľavej aj pravej strane pacienta </t>
  </si>
  <si>
    <t xml:space="preserve">motorické plynulé výškové nastavenie pacientskeho stola  </t>
  </si>
  <si>
    <t>nastavenie rôznych konfigurácií zobrazení pomocou voľby na dotykovej obrazovke obrazového počítača min. 12</t>
  </si>
  <si>
    <t>automatická optimalizácia dávky pomocou riadenia minimálne piatich parametrov ako napätie a prúd rtg žiariča, spektrálna filtrácia, dĺžka pulzu a ohnisko, pričom musia byť zohľadnené reálne nastavenia polohy C ramena, vzdialenosť objektu od detektora a žiariča a denzita vyšetrovaného orgánu</t>
  </si>
  <si>
    <t>vysoko kontrastné znázornenie jemných štruktúr vo vysokom rozlíšení</t>
  </si>
  <si>
    <t>3D ROADMAPPING - vizualizácia a prelínanie obrazu medzi 2D LIVE fluoro obrazom a 3D rekonštrukciou pre akúkoľvek projekciu, zoom, SID a pozíciu stola, s možnosťou vytvoriť pilotný obraz, ktorý prekrýva LIVE fluoro obraz</t>
  </si>
  <si>
    <t>Cone beam CT pre vizualizáciu srdcových tkanív, SW a HW vybavenie rozširujúce možnosti angiografického systému o generovanie obrazov podobné ako pri CT – 3D volumetrické zobrazenie, zobrazenie v rezoch s možnosťou nastavenia hrúbky rezov</t>
  </si>
  <si>
    <t>dva moduly pre akvizíciu a ovládanie obrazových parametrov s ovládaním všetkých funkcií obrazového systému, skiaskopie a akvizície priamo od vyšetrovacieho stola a aj z ovládovne</t>
  </si>
  <si>
    <t>prenos ultrazvuokových obrazových dát zo sondy do USG prístroja cez WiFi</t>
  </si>
  <si>
    <t>upgrade zariadenia sa môže vykonať bez zásahu do jestvujúceho disdispozičného riešenia pôvodného angiografického systému t.j. bez žiadneho zásahu do statiky pracoviska, do stavebných konštrukcií a súčasnej dispozície ovladovne, prípravných priestorov a vyšetrovne pracoviska. Termín realizácie update je max. 6 týždňov</t>
  </si>
  <si>
    <t xml:space="preserve">Upgrade zariadenia zahŕňa predovšetkým: </t>
  </si>
  <si>
    <t>Požaduje sa poskytnutie nevýhradných licencií, v neobmedzenom rozsahu, na celú dobu trvania majetkových práv autora. Požaduje sa udelenie súhlasu, aby Objednávateľ udelil sublicenciu tretím osobám na použitie softvéru rovnakým spôsobom, v rovnakom rozsahu, na rovnaký čas a za rovnakých podmienok, ako je licencia udelená Objednávateľovi. Licencia sa udel'uje odplatne, pričom sa požaduje zahrnutie odmeny za jej poskytnutie ako aj odmeny za udelenie súhlasu na udelenie licencie do celkovej zmluvnej ceny. Udelené licencie a právo udelit' sublicenciu nebudú skončením uzatvorenej zmluvy dotknuté. Súčasťou licencie je i súhlas Dodávateľa na integráciu diela s prípadnými ďalšími systémami prevádzkovanými Objednávateľom spôsobom v zmysle dokumentácie k jednotlivým softvérovým modulom.</t>
  </si>
  <si>
    <t>Požaduje sa, aby bol Dodávateľ oprávnený udeliť požadované licencie a disponoval všetkými právami k službám, ktoré poskytne Objednávateľovi, pričom musí mať vysporiadané autorské práva so všetkými autormi diela, resp. aby vo vlastnom mene a na vlastnú zodpovednosť vykonával majetkové práva k dielu v zmysle ustanovení Autorského zákona.</t>
  </si>
  <si>
    <t>Dodávateľ je povinný k faktúre priložiť kópiu objednávky (ak bola vyhotovená) Objednávateľa ako povinnú prílohu faktúry. Dodávateľ je rovnako povinný k faktúre priložiť kópiu preberacieho protokolu a kópiu inštalačného protokolu ako jej povinnú prílohu.</t>
  </si>
  <si>
    <t>polohovanie kolimátorov bez použitia žiarenia</t>
  </si>
  <si>
    <t>25.17</t>
  </si>
  <si>
    <t>Obrazový systém - rozšírené funkcie:</t>
  </si>
  <si>
    <t>softvérový na prehrávanie a spracovanie angiografických a kardiologických záberov vrátane DSA obrazov</t>
  </si>
  <si>
    <t xml:space="preserve">systém musí umožňovať pripojenie a migráciu databázy z existujúcej hemodynamickej stanice pri zachovaní všetkých pôvodných doteraz zaznamenaných pacientskych dát do nového systému. Systém obsahuje softvérové vybavenie na podporu min. nasledovných režimov: </t>
  </si>
  <si>
    <t>vyhľadávanie pacientskych štúdii, správ (report)</t>
  </si>
  <si>
    <t>12 zvodové EKG</t>
  </si>
  <si>
    <t>sada káblov a elektród, príslušenstvo na meranie EKG</t>
  </si>
  <si>
    <t>záložný UPS zdroj</t>
  </si>
  <si>
    <t>bezdrôtová lineárna  širokopásmová  sonda  určená  na vyšetrovanie malých častí, ciev a nervov</t>
  </si>
  <si>
    <t>frekvenčný rozsah min 3-8 MHz</t>
  </si>
  <si>
    <t>prenos  ultrazvuokových obrazových dát  zo sondy  do USG prístroja cez WiFi</t>
  </si>
  <si>
    <t>možnosť programovania pracovných polôh prístroja min. 10</t>
  </si>
  <si>
    <t>maximálny výkon malého ohniska min. 30 kW</t>
  </si>
  <si>
    <t>maximálny výkon veľkého ohniska min. 90 kW</t>
  </si>
  <si>
    <t>kapacita ochladzovania anódy min. 1,5 MHU/min.</t>
  </si>
  <si>
    <t>archivácia snímok na interný pevný disk v DICOM formáte</t>
  </si>
  <si>
    <t>kvantifikácia koronárnych ciev</t>
  </si>
  <si>
    <t>SpO2 v prípade možnosti aj s pletyzmografickou krivkou</t>
  </si>
  <si>
    <t>33.1</t>
  </si>
  <si>
    <t xml:space="preserve">Dozimetrický systém umožňujúci hodnotiť dávku v reálnom čase. Umožňuje zobrazenie ožiarenia pracovníka v každom momente vykonávaného rádiologického vyšetrenia (online) a nielen po jeho skončení, ale aj po mesačnom vyhodnotení, ako je to pri pasívnych dozimetroch ( napr. TLD, OSL, Film). Systém musí zahŕňať min. sadu 4 nových osobných dozimetrov merajúcich dávky v reálnom čase s bezdrôtovým prenosom dát na zobrazovaciu jednotku. Dávky musia byť znázornené aj na veľkoplošnom monitore vo vyšetrovni. Musí vizualizovať ožiarenie pracovníkov s použitím vhodných grafických aj číselných výstupov. Namerané údaje sa automaticky uchovávajú pre rôzne analýzy po rtg. výkonoch. Dozimetre musia merať osobný dávkový ekvivalent Hp(10), vhodný pre odhad efektívnej dávky (mSv), v rozsahu 40-150 kV. </t>
  </si>
  <si>
    <t>Ultrazvukový prístroj so sondou, bez káblového spojenia s ultrazvukovým prístrojom. Spojenie ultrazvukovej sondy s prístrojom je na báze bezdrôtovej komunikácie, umožňujúce bezpečnú, ultrazvukom vedenú punkciu cievneho systému v katetrizačnom laboratóriu. Dosah spojenia sondy s prístrojom minimálne 2,5 m. Ultrazvukový prístroj musí podporovať sondy v rozsahu 2-17 MHz. Ultrazvukový prístroj musí umožniť automatickú registráciu pacienta z informačného systému, zobrazenie obrazu na hlavnom monitore angiokardiografického rtg  prístroja a odoslanie záznamu do PACS systému. Ultrazvuková sonda musí byt dezinfikovateľná a použiteľná v sterilnom prostredí.</t>
  </si>
  <si>
    <t>možnosť vizualizácie uhlov C-ramien na monitore vo vyšetrovacej miestnosti</t>
  </si>
  <si>
    <t>rozsah frekvencie pulznej skiagrafie min. od 0,5 pulzov/sec do 30 pulzov/sec.</t>
  </si>
  <si>
    <t>Zariadenie musí mať integrovaný systém merania dávky (DAP meter). Produkovaná dávka a plošná dávka musia byť kumulatívne spracované a zobrazované, správa o dávke musí byť uložená do pacientskej série vyšetrení v DICOM kompatibilnom štruktúrovanom reporte</t>
  </si>
  <si>
    <t>počet prepínateľných formátov min. 6</t>
  </si>
  <si>
    <t>pre potreby prenosu živého obrazu mimo vyšetrovňu štandardný obrazový výstup pre možnosť realizácie videoprenosov (napr. HDMI) a tiež vybavenie pre skenovanie a streamovanie obsahu veľkoplošného monitora vo vyšetrovni</t>
  </si>
  <si>
    <t>diagnostický monitor v obsluhovni s uhlopriečkou min. 30“, s možnosťou pripojenia viacerých video kanálov a nastavením viacerých rôznych konfigurácií obrazovky pre zobrazenie „LIVE“ a „REF“ RTG obrazov, 3D obrazu, postprocesingových aplikácií, pacientskych dát a obrazov z externých zdrojov</t>
  </si>
  <si>
    <t>skiaskopia vrátane pulznej skiaskopie s frekvenciami min. od 0,5 do 30 pulzov/sec.</t>
  </si>
  <si>
    <t>archivácia skiaskopickej slučky v trvaní min. 20 sec. pri matrici 1k</t>
  </si>
  <si>
    <t>akvizícia a archivácia kardiologických scén s frekvenciou min. 15 alebo 30 obrazov/sec.</t>
  </si>
  <si>
    <t>digitálna radiografia s frekvenciou min. 0,5 až 7 obrazov/sec.</t>
  </si>
  <si>
    <t>digitálna subtrakčná angiografia vrátane voľby masky, posúvania pixelov v maske automaticky alebo manuálne min. 0,5 až  7 obrazov/sec.</t>
  </si>
  <si>
    <t>digitálna rádiografia a digitálna subtrakčná angiografia min. frekvenciou pri DSA 0,5 - 7 obrazov/sec, resp. pri 3D min. 60 obrazov/sec.</t>
  </si>
  <si>
    <t>natívna rotačná angiografia s rotáciou min. 60°/sec.</t>
  </si>
  <si>
    <t>rotačná DSA angiografia s rotáciou min. 60°/sec.</t>
  </si>
  <si>
    <t>rozhranie na pripojenie dozimetrického systému na meranie a grafické znázornenie kumulovanej dávky obsluhujúceho personálu na veľkoplošnom monitore vo vyšetrovni</t>
  </si>
  <si>
    <t>voľba  Anotácia, Zoom, Meranie uhlov a vzdialeností, vkladanie textov a symbolov do obrazu</t>
  </si>
  <si>
    <t>výstup vo formáte DICOM 3, služby DICOM 3: Send, Storage Commitment, Query/Retrieve, Worklist, SR – štruktúrovaný report (rozšírená štruktúrovaná lekárska správa, záznam výsledkov kvantifikácií), CD/DVD rekordér, MPPS</t>
  </si>
  <si>
    <t>SW pre automatické nastavenie pozície ramena do polohy vybranej používateľom v 3D mape, resp. automatické nasledovanie 3D obrazu v závislosti na zmene polohy ramena</t>
  </si>
  <si>
    <t>modul pre druhé ovládanie intervenčného SW a multimodalitného zobrazenia priamo od vyšetrovacieho stola so zobrazením výstupu na veľkoplošnom monitore zavesenom na stropnom závese vo vyšetrovni</t>
  </si>
  <si>
    <t>súčasťou upgrade je aj vypracovanie nového technologického projektu, inštalácia a uvedenie prístroja do prevádzky a zaškolenie obsluhy do prevádzky aplikačným špecialistom</t>
  </si>
  <si>
    <t>integrácia mobilného OCT/FFR</t>
  </si>
  <si>
    <t>vytváranie rôznych správ a meniteľných formulárov z vykonaných vyšetrení</t>
  </si>
  <si>
    <t>súčasťou je aj kompletné vybavenie pre kardiológiu dospelých jedincov pre hemodynamické vyšetrenia pravého/ľavého srdca s potrebnými kalkuláciami hemodynamických parametrov s možnosťou on-line zobrazenia jednotlivých parametrov pre diagnostické/monitorovacie účely, anotácie, so zabudovanou databázou na dlhodobú archiváciu pacientskych vyšetrení vrátane všetkých meraní a výpočtov</t>
  </si>
  <si>
    <t>bezdrôtová čítačka čiarových kódov</t>
  </si>
  <si>
    <t>26.3</t>
  </si>
  <si>
    <t>26.4</t>
  </si>
  <si>
    <t>26.5</t>
  </si>
  <si>
    <t>26.6</t>
  </si>
  <si>
    <t>26.7</t>
  </si>
  <si>
    <t>26.8</t>
  </si>
  <si>
    <t>26.9</t>
  </si>
  <si>
    <t>31.1</t>
  </si>
  <si>
    <t>31.2</t>
  </si>
  <si>
    <t>31.3</t>
  </si>
  <si>
    <t xml:space="preserve">Upgrade angiografického systému Artis zeego s príslušenstvom </t>
  </si>
  <si>
    <r>
      <t xml:space="preserve">Upgrade angiografického systému Artis zeego s príslušenstvom </t>
    </r>
    <r>
      <rPr>
        <b/>
        <sz val="10"/>
        <rFont val="Arial"/>
        <family val="2"/>
        <charset val="238"/>
      </rPr>
      <t>so 60 mesačnou záručnou dobou</t>
    </r>
  </si>
  <si>
    <t>VARIANT B)</t>
  </si>
  <si>
    <t xml:space="preserve">Položka č. 2
</t>
  </si>
  <si>
    <t xml:space="preserve">Pozáručný servis pre položku č. 1  </t>
  </si>
  <si>
    <t xml:space="preserve">mesiacov </t>
  </si>
  <si>
    <t>Požadovaný počet MJ  na zmluvné obdobie</t>
  </si>
  <si>
    <t>VARIANT A)</t>
  </si>
  <si>
    <t xml:space="preserve">Položka č. 1 - Upgrade angiografického systému Artis zeego s príslušenstvom so 60 mesačnou záručnou dobou - VARIANT A) 
Položka č. 1 - Upgrade angiografického systému Artis zeego s príslušenstvom s pozáručným servisom - 36 mesiacov - VARIANT B) </t>
  </si>
  <si>
    <t xml:space="preserve">VARIANT A) - so 60 mesačnou záručnou dobou pre položku č. 1 </t>
  </si>
  <si>
    <t>do 90 pracovných dní odo dňa nadobudnutia účinnosti uzatvorenej zmluvy (do termínu sa nezapočítavajú dni pracovného voľna, pracovného pokoja a štátne sviatky),</t>
  </si>
  <si>
    <t>Požaduje sa, aby počas plnenia zmluvy bol Dodávateľ autorizovaný (certifikovaný) na dodávku, inštaláciu a servis ponúkaného predmetu zákazky. V prípade, ak bude Dodávateľ vykonávať inštaláciu a/alebo servis prostredníctvom subdodávateľa, je Dodávateľ povinný predložiť Objednávateľovi potvrdenie o tom, že ním uvedený subdodávateľ je autorizovaný (certifikovaný) na inštaláciu a/alebo servis ponúkaného predmetu zákazky.</t>
  </si>
  <si>
    <t>Požaduje sa poskytnutie záručnej doby na predmet zákazky v trvaní minimálne
60 kalendárnych mesiacov odo dňa protokolárneho odovzdania predmetu zákazky.</t>
  </si>
  <si>
    <t>Dodávateľ predmetu zákazky je povinný predložiť potvrdenie výrobcu, že je autorizovaný/certifikovaný na dodávku, inštaláciu a servis predmetu zákazky.</t>
  </si>
  <si>
    <t>Požaduje sa poskytnutie služieb technickej podpory na predmet zákazky, a to minimálne po dobu 60 kalendárnych mesiacov od protokolárneho prevzatia diela Objednávateľom.</t>
  </si>
  <si>
    <t>nedodržanie lehoty príchodu servisného technika alebo nezačatie odstraňovania vady formou vzdialeného prístupu: 50,- EUR (slovom: päťdesiat EUR) za každú začatú hodinu omeškania, najviac však do výšky 5% kúpnej ceny, a to pre každý jednotlivý prípad omeškania Dodávateľa,</t>
  </si>
  <si>
    <t>24.2</t>
  </si>
  <si>
    <t>nedodržanie dohodnutých lehôt na odstránenie vady: 50,- EUR (slovom: päťdesiat EUR) za každú začatú hodinu omeškania, najviac však do výšky 5% kúpnej ceny, a to pre každý jednotlivý prípad omeškania Dodávateľa.</t>
  </si>
  <si>
    <t>Požaduje sa dodržiavanie mlčanlivosti o dôverných informáciách, ktoré si Dodávateľ a Objednávateľ navzájom poskytnú v priebehu trvania zmluvného vzťahu, pričom bližšie podmienky budú uvedené v zmluve.</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V prípade, ak sa na predmet zákazky vykonala prípravná trhová konzultácia, informácie k prípravnej trhovej konzultácie verejný obstarávateľ zverejňuje na internetovej stránke: www.vusch.sk/verejne-obstaravanie/</t>
  </si>
  <si>
    <t xml:space="preserve">VARIANT B) s pozáručným servisom - 36 mesiacov pre položku č. 1 </t>
  </si>
  <si>
    <t>Požaduje sa uzatvorenie kúpnej zmluvy s pozáručným servisom.</t>
  </si>
  <si>
    <t>Požaduje sa poskytovanie pozáručného servisu po dobu 36 kalendárnych mesiacov, pričom za začiatok tohto poskytovania sa považuje deň nasledujúci po poslednom dni záručnej doby na predmet zákazky.</t>
  </si>
  <si>
    <t>Požaduje sa poskytovať servisnú službu na pracovisku Objednávateľa, pričom ak nie je možné servisnú službu na pracovisku vykonať, resp. je vhodnejšie realizovať ju na inom mieste (napr. na pracovisku Dodávateľa), takáto činnosť sa vykoná na náklady Dodávateľa na mieste určenom Dodávateľom, ktoré musí buť vopred oznámené Objednávateľovi.</t>
  </si>
  <si>
    <t>Požaduje sa, aby v prípade vykonania opravy, na ktorú Objednávateľ Dodávateľa vopred upozorní, bola oprava vykonaná nasledovne:</t>
  </si>
  <si>
    <t>16.1</t>
  </si>
  <si>
    <t>16.2</t>
  </si>
  <si>
    <t>Požaduje sa, aby si po ukončení konkrétnej činnosti pozáručnej servisnej starostlivosti servisný pracovník nechal potvrdiť rozsah poskytnutej služby s uvedením dátumu poskytnutej služby u zodpovednej osoby Objednávateľa. Jedna kópia takto potvrdenej servisnej služby ostáva k dispozícii Objednávateľovi.</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poskytnutie zodpovednosti za vady servisných služieb podľa Obchodného zákonníka a tiež záruky za akosť na servisné služby.</t>
  </si>
  <si>
    <t>Požaduje sa v prípade náhradných dielov v každom osobitnom prípade súhlas Objednávateľa s kúpu a montážou náhradného dielu a odsúhlasenie jeho ceny.</t>
  </si>
  <si>
    <t>Pozáručný servis bude hradený formou mesačných paušálnych odmien uvedených v Prílohe č. 1 - Kalkulácia ceny.</t>
  </si>
  <si>
    <t>37.</t>
  </si>
  <si>
    <t>38.</t>
  </si>
  <si>
    <t>39.</t>
  </si>
  <si>
    <t>40.</t>
  </si>
  <si>
    <t>41.</t>
  </si>
  <si>
    <t>42.</t>
  </si>
  <si>
    <t>43.</t>
  </si>
  <si>
    <t>44.</t>
  </si>
  <si>
    <t>45.</t>
  </si>
  <si>
    <r>
      <t xml:space="preserve">Ponúkaný produkt musí spĺňať technické požiadavky, ktoré sa na určený výrobok vzťahuje v súlade so Zákonom č. 264/1999 Z. z. o technických požiadavkách na výrobky a o posudzovaní zhody a o zmene a doplnení niektorých zákonov a zároveň musí byť označený značkou CE, </t>
    </r>
    <r>
      <rPr>
        <sz val="10"/>
        <color theme="1"/>
        <rFont val="Arial"/>
        <family val="2"/>
        <charset val="238"/>
      </rPr>
      <t>čím dané označenie deklaruje, že vlastnosti určeného výrobku spĺňajú technické požiadavky, ktoré sú na určený výrobok kladené a rovnako deklaruje, že boli dodržané postupy posudzovania zhody ustanovené zákonom o zhode alebo iným osobitným predpisom. Požadovaný doklad musí uchádzač predložiť vo forme naskenovaného originálu, vo formáte .pdf s názvom „Vyhlásenie o zhode“.</t>
    </r>
  </si>
  <si>
    <r>
      <rPr>
        <b/>
        <sz val="10"/>
        <color theme="1"/>
        <rFont val="Arial"/>
        <family val="2"/>
        <charset val="238"/>
      </rPr>
      <t>Potvrdenie o autorizovanom servise vydané výrobcom</t>
    </r>
    <r>
      <rPr>
        <sz val="10"/>
        <color theme="1"/>
        <rFont val="Arial"/>
        <family val="2"/>
        <charset val="238"/>
      </rPr>
      <t xml:space="preserve"> ponúkaných produktov (neoverenú kópiu),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neoverenú kópiu) servisnej organizácie. Požadovaný doklad musí uchádzač predložiť vo forme naskenovaného originálu, vo formáte .pdf s názvom „Potvrdenie o autorizovanom servise“.</t>
    </r>
  </si>
  <si>
    <t xml:space="preserve">Servisný technik Dodávateľa je povinný nastúpiť na odstránenie vady v mieste inštalácie zariadenia do 24 hodín od nahlásenia v pracovný deň medzi 7:00 a 15:00 hod., resp. do 12:00 hod. nasledujúceho pracovného dňa, pokiaľ vada bola nahlásená po 15:00 hod. pracovného dňa alebo počas mimopracovného dňa. </t>
  </si>
  <si>
    <t>Požaduje sa vykonávať pozáručnú servisnú starostlivosť v pracovných dňoch v čase od 07:00 hod. do 15:00 hod, ak sa Objednávateľ a Dodávateľ nedohodnú inak.</t>
  </si>
  <si>
    <t>nástup na výkon opravy do 24 hodín od nahlásenia vady/poruchy v pracovných dňoch v čase od 07:00 hod. do 15:00 hod.,</t>
  </si>
  <si>
    <t>výkon samotnej opravy do 48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48 hodín.</t>
  </si>
  <si>
    <t>Požaduje sa vypracovať plán povinných revízií a údržby vrátane preventívnej údržby v termínoch určených výrobcom.</t>
  </si>
  <si>
    <t xml:space="preserve">Objednávateľ je oprávnený vadu, ktorú zistí počas záručnej doby a poskytovania pozáručného servisu nahlásiť Dodávateľovi online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mluvná cena zahŕňa aj služby spojené s jeho dodaním, t. j. zabezpečenie dopravy do dohodnutého miesta dodania tovaru, dopravu Dodávateľa do miesta dodania a späť, ako aj všetky ostatné náklady Dodávateľa vynaložené v súvislosti s dodaním tovaru/poskytnutím služieb Objednávateľovi, uvedením do prevádzky (inštaláciou), odborným zaškolením obsluhy, poskytnutím užívateľskej dokumentácie, poskytnutím licencií, ako aj poskytovanie záručného a pozáručného servisu v mieste inštalácie, vrátane cestovného a všetkých ostatných nákladov zahrnutých v rámci paušálnych odmien.</t>
  </si>
  <si>
    <t>Dodávateľ nesie zodpovednosť za to, že služby záručného servisu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 Servisný technik Dodávateľa je povinný mať osvedčenie na servis zariadení výrobcu.</t>
  </si>
  <si>
    <t>Dodávateľ nesie zodpovednosť za to, že služby záručného, ako aj pozáručného servisu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 Servisný technik Dodávateľa je povinný mať osvedčenie na servis zariadení výrobcu.</t>
  </si>
  <si>
    <t xml:space="preserve">Položka č. 2 - Variant B) - s Pozáručným servisom - 36 mesiacov pre položku č. 1 </t>
  </si>
  <si>
    <t>Servisná starostlivosť o zariadenia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Vykonávanie opráv v čase od 7:00 do 15:00 hod.</t>
  </si>
  <si>
    <t>Poistenie prevádzkovej zodpovednosti vo výške ročnej ceny za služby.</t>
  </si>
  <si>
    <t xml:space="preserve">Oprávnenie dodávateľa na servis výrobkov. </t>
  </si>
  <si>
    <t>Osvedčenie servisného technika na servis zariadení výrobcu.</t>
  </si>
  <si>
    <t>V prípade ak dôjde k poruche, ktorú nie je možné odstrániť štandardným spôsobom, objednávateľ si vyhradzuje právo na posúdenie, či ponúkané riešenie je plne kompatibilné s existujúcim riešením.</t>
  </si>
  <si>
    <t>pokrytie pacienta počas vyšetrenie bez polohovania do 200 cm</t>
  </si>
  <si>
    <t>vytváranie reportov</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i/>
      <sz val="10"/>
      <color theme="1"/>
      <name val="Arial"/>
      <family val="2"/>
      <charset val="238"/>
    </font>
    <font>
      <sz val="10"/>
      <color theme="1"/>
      <name val="Arial"/>
      <family val="2"/>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rgb="FFFFCCFF"/>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style="medium">
        <color indexed="64"/>
      </right>
      <top/>
      <bottom style="thin">
        <color auto="1"/>
      </bottom>
      <diagonal/>
    </border>
    <border>
      <left style="thin">
        <color auto="1"/>
      </left>
      <right/>
      <top style="thin">
        <color auto="1"/>
      </top>
      <bottom/>
      <diagonal/>
    </border>
    <border>
      <left/>
      <right style="medium">
        <color indexed="64"/>
      </right>
      <top style="thin">
        <color auto="1"/>
      </top>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right/>
      <top style="thin">
        <color auto="1"/>
      </top>
      <bottom style="thin">
        <color auto="1"/>
      </bottom>
      <diagonal/>
    </border>
    <border>
      <left/>
      <right/>
      <top/>
      <bottom style="thin">
        <color auto="1"/>
      </bottom>
      <diagonal/>
    </border>
    <border>
      <left/>
      <right style="medium">
        <color indexed="64"/>
      </right>
      <top style="medium">
        <color indexed="64"/>
      </top>
      <bottom style="thin">
        <color auto="1"/>
      </bottom>
      <diagonal/>
    </border>
    <border>
      <left style="medium">
        <color indexed="64"/>
      </left>
      <right/>
      <top/>
      <bottom style="thin">
        <color auto="1"/>
      </bottom>
      <diagonal/>
    </border>
    <border>
      <left style="medium">
        <color auto="1"/>
      </left>
      <right/>
      <top/>
      <bottom/>
      <diagonal/>
    </border>
    <border>
      <left style="thin">
        <color auto="1"/>
      </left>
      <right/>
      <top style="medium">
        <color auto="1"/>
      </top>
      <bottom style="thin">
        <color auto="1"/>
      </bottom>
      <diagonal/>
    </border>
    <border>
      <left style="medium">
        <color auto="1"/>
      </left>
      <right/>
      <top style="thin">
        <color auto="1"/>
      </top>
      <bottom style="dashed">
        <color auto="1"/>
      </bottom>
      <diagonal/>
    </border>
    <border>
      <left style="thin">
        <color auto="1"/>
      </left>
      <right style="medium">
        <color indexed="64"/>
      </right>
      <top style="thin">
        <color auto="1"/>
      </top>
      <bottom style="dashed">
        <color auto="1"/>
      </bottom>
      <diagonal/>
    </border>
    <border>
      <left style="medium">
        <color auto="1"/>
      </left>
      <right/>
      <top style="dashed">
        <color auto="1"/>
      </top>
      <bottom style="dashed">
        <color auto="1"/>
      </bottom>
      <diagonal/>
    </border>
    <border>
      <left style="thin">
        <color auto="1"/>
      </left>
      <right style="medium">
        <color indexed="64"/>
      </right>
      <top style="dashed">
        <color auto="1"/>
      </top>
      <bottom style="dashed">
        <color auto="1"/>
      </bottom>
      <diagonal/>
    </border>
    <border>
      <left style="medium">
        <color auto="1"/>
      </left>
      <right/>
      <top style="dashed">
        <color auto="1"/>
      </top>
      <bottom style="thin">
        <color auto="1"/>
      </bottom>
      <diagonal/>
    </border>
    <border>
      <left style="thin">
        <color auto="1"/>
      </left>
      <right style="medium">
        <color indexed="64"/>
      </right>
      <top style="dashed">
        <color auto="1"/>
      </top>
      <bottom style="thin">
        <color auto="1"/>
      </bottom>
      <diagonal/>
    </border>
    <border>
      <left style="medium">
        <color auto="1"/>
      </left>
      <right style="thin">
        <color auto="1"/>
      </right>
      <top style="thin">
        <color auto="1"/>
      </top>
      <bottom style="dotted">
        <color indexed="64"/>
      </bottom>
      <diagonal/>
    </border>
    <border>
      <left style="thin">
        <color auto="1"/>
      </left>
      <right style="thin">
        <color auto="1"/>
      </right>
      <top style="thin">
        <color auto="1"/>
      </top>
      <bottom style="dashed">
        <color auto="1"/>
      </bottom>
      <diagonal/>
    </border>
    <border>
      <left style="medium">
        <color auto="1"/>
      </left>
      <right style="thin">
        <color auto="1"/>
      </right>
      <top style="dotted">
        <color indexed="64"/>
      </top>
      <bottom style="dotted">
        <color indexed="64"/>
      </bottom>
      <diagonal/>
    </border>
    <border>
      <left style="thin">
        <color auto="1"/>
      </left>
      <right style="thin">
        <color auto="1"/>
      </right>
      <top style="dashed">
        <color auto="1"/>
      </top>
      <bottom style="dashed">
        <color auto="1"/>
      </bottom>
      <diagonal/>
    </border>
    <border>
      <left style="thin">
        <color auto="1"/>
      </left>
      <right style="thin">
        <color auto="1"/>
      </right>
      <top style="dashed">
        <color auto="1"/>
      </top>
      <bottom style="thin">
        <color auto="1"/>
      </bottom>
      <diagonal/>
    </border>
    <border>
      <left/>
      <right style="thin">
        <color auto="1"/>
      </right>
      <top/>
      <bottom style="thin">
        <color auto="1"/>
      </bottom>
      <diagonal/>
    </border>
    <border>
      <left/>
      <right/>
      <top style="thin">
        <color auto="1"/>
      </top>
      <bottom style="medium">
        <color indexed="64"/>
      </bottom>
      <diagonal/>
    </border>
    <border>
      <left/>
      <right/>
      <top style="thin">
        <color auto="1"/>
      </top>
      <bottom/>
      <diagonal/>
    </border>
    <border>
      <left/>
      <right style="thin">
        <color auto="1"/>
      </right>
      <top style="medium">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4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1" xfId="0" applyNumberFormat="1" applyFont="1" applyFill="1" applyBorder="1" applyAlignment="1">
      <alignment horizontal="center" vertical="center" wrapText="1"/>
    </xf>
    <xf numFmtId="0" fontId="7" fillId="0" borderId="22"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4" fillId="0" borderId="10" xfId="0" applyNumberFormat="1" applyFont="1" applyFill="1" applyBorder="1" applyAlignment="1">
      <alignment vertical="center" wrapText="1"/>
    </xf>
    <xf numFmtId="0" fontId="7" fillId="0" borderId="27" xfId="0" applyNumberFormat="1" applyFont="1" applyBorder="1" applyAlignment="1">
      <alignment horizontal="center" vertical="center" wrapText="1"/>
    </xf>
    <xf numFmtId="0" fontId="2" fillId="0" borderId="29"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4" fillId="0" borderId="30" xfId="0" applyNumberFormat="1" applyFont="1" applyFill="1" applyBorder="1" applyAlignment="1">
      <alignment vertical="center" wrapText="1"/>
    </xf>
    <xf numFmtId="0" fontId="2" fillId="0" borderId="30" xfId="0" applyNumberFormat="1" applyFont="1" applyBorder="1" applyAlignment="1">
      <alignment horizontal="center" vertical="center" wrapText="1"/>
    </xf>
    <xf numFmtId="0" fontId="2" fillId="0" borderId="31" xfId="0" applyFont="1" applyBorder="1" applyAlignment="1">
      <alignment vertical="center" wrapText="1"/>
    </xf>
    <xf numFmtId="49" fontId="2" fillId="0" borderId="8" xfId="0" applyNumberFormat="1" applyFont="1" applyBorder="1" applyAlignment="1">
      <alignment horizontal="right" vertical="center"/>
    </xf>
    <xf numFmtId="0" fontId="11" fillId="2" borderId="10" xfId="0" applyNumberFormat="1" applyFont="1" applyFill="1" applyBorder="1" applyAlignment="1">
      <alignment horizontal="left" vertical="top" wrapText="1"/>
    </xf>
    <xf numFmtId="0" fontId="7" fillId="2" borderId="10"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10" xfId="0" applyFont="1" applyBorder="1" applyAlignment="1">
      <alignment vertical="center" wrapText="1"/>
    </xf>
    <xf numFmtId="0" fontId="4" fillId="6" borderId="5" xfId="0" applyFont="1" applyFill="1" applyBorder="1" applyAlignment="1">
      <alignment horizontal="left" vertical="center" wrapText="1"/>
    </xf>
    <xf numFmtId="0" fontId="4" fillId="6" borderId="28"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6" borderId="10" xfId="0" applyFont="1" applyFill="1" applyBorder="1" applyAlignment="1">
      <alignment horizontal="left" vertical="center" wrapText="1"/>
    </xf>
    <xf numFmtId="0" fontId="2" fillId="0" borderId="31" xfId="0" applyNumberFormat="1" applyFont="1" applyBorder="1" applyAlignment="1">
      <alignment horizontal="center" vertical="center" wrapText="1"/>
    </xf>
    <xf numFmtId="49" fontId="2" fillId="0" borderId="25" xfId="0" applyNumberFormat="1" applyFont="1" applyFill="1" applyBorder="1" applyAlignment="1">
      <alignment horizontal="center" vertical="center" wrapText="1"/>
    </xf>
    <xf numFmtId="49" fontId="4" fillId="0" borderId="10" xfId="0" applyNumberFormat="1" applyFont="1" applyFill="1" applyBorder="1" applyAlignment="1">
      <alignment horizontal="left" vertical="center" wrapText="1"/>
    </xf>
    <xf numFmtId="49" fontId="4" fillId="0" borderId="31" xfId="0" applyNumberFormat="1" applyFont="1" applyFill="1" applyBorder="1" applyAlignment="1">
      <alignment vertical="center" wrapText="1"/>
    </xf>
    <xf numFmtId="0" fontId="2" fillId="0" borderId="27" xfId="0" applyNumberFormat="1" applyFont="1" applyBorder="1" applyAlignment="1">
      <alignment horizontal="center" vertical="center" wrapText="1"/>
    </xf>
    <xf numFmtId="49" fontId="2" fillId="0" borderId="25" xfId="0" applyNumberFormat="1" applyFont="1" applyBorder="1" applyAlignment="1">
      <alignment horizontal="center" vertical="center"/>
    </xf>
    <xf numFmtId="49" fontId="2" fillId="0" borderId="25" xfId="0" applyNumberFormat="1" applyFont="1" applyBorder="1" applyAlignment="1">
      <alignment horizontal="right" vertical="center"/>
    </xf>
    <xf numFmtId="3" fontId="4" fillId="6" borderId="10"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5" fillId="0" borderId="10" xfId="0" applyNumberFormat="1" applyFont="1" applyFill="1" applyBorder="1" applyAlignment="1">
      <alignment vertical="center" wrapText="1"/>
    </xf>
    <xf numFmtId="49" fontId="5" fillId="0" borderId="30" xfId="0" applyNumberFormat="1" applyFont="1" applyFill="1" applyBorder="1" applyAlignment="1">
      <alignment vertical="center" wrapText="1"/>
    </xf>
    <xf numFmtId="0" fontId="3" fillId="0" borderId="10" xfId="0" applyFont="1" applyBorder="1" applyAlignment="1">
      <alignment horizontal="left" vertical="center" wrapText="1"/>
    </xf>
    <xf numFmtId="49" fontId="2" fillId="0" borderId="24" xfId="0" applyNumberFormat="1" applyFont="1" applyBorder="1" applyAlignment="1">
      <alignment horizontal="right" vertical="center"/>
    </xf>
    <xf numFmtId="0" fontId="3" fillId="0" borderId="10" xfId="0" applyFont="1" applyBorder="1" applyAlignment="1">
      <alignment vertical="center" wrapText="1"/>
    </xf>
    <xf numFmtId="0" fontId="3" fillId="0" borderId="31" xfId="0" applyFont="1" applyBorder="1" applyAlignment="1">
      <alignment vertical="center" wrapText="1"/>
    </xf>
    <xf numFmtId="49" fontId="3" fillId="0" borderId="25" xfId="0" applyNumberFormat="1" applyFont="1" applyBorder="1" applyAlignment="1">
      <alignment horizontal="center" vertical="center"/>
    </xf>
    <xf numFmtId="0" fontId="13" fillId="0" borderId="31" xfId="0" applyFont="1" applyBorder="1" applyAlignment="1">
      <alignment vertical="center" wrapText="1"/>
    </xf>
    <xf numFmtId="0" fontId="4" fillId="0" borderId="0" xfId="0" applyFont="1" applyFill="1" applyAlignment="1">
      <alignment horizontal="left" vertical="top"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3" fillId="6" borderId="22" xfId="0" applyFont="1" applyFill="1" applyBorder="1" applyAlignment="1">
      <alignment horizontal="left" vertical="top" wrapText="1"/>
    </xf>
    <xf numFmtId="0" fontId="2" fillId="6" borderId="31" xfId="0" applyFont="1" applyFill="1" applyBorder="1" applyAlignment="1">
      <alignment horizontal="left" vertical="center" wrapText="1"/>
    </xf>
    <xf numFmtId="0" fontId="2" fillId="6" borderId="31" xfId="0" applyFont="1" applyFill="1" applyBorder="1" applyAlignment="1">
      <alignment horizontal="left" vertical="top" wrapText="1"/>
    </xf>
    <xf numFmtId="0" fontId="3" fillId="6" borderId="20" xfId="0" applyFont="1" applyFill="1" applyBorder="1" applyAlignment="1">
      <alignment horizontal="left" vertical="center" wrapText="1"/>
    </xf>
    <xf numFmtId="0" fontId="2" fillId="0" borderId="26"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8" xfId="0" applyNumberFormat="1" applyFont="1" applyFill="1" applyBorder="1" applyAlignment="1">
      <alignment horizontal="center" vertical="center" wrapText="1"/>
    </xf>
    <xf numFmtId="49" fontId="2" fillId="6" borderId="8" xfId="0" applyNumberFormat="1" applyFont="1" applyFill="1" applyBorder="1" applyAlignment="1">
      <alignment horizontal="center" vertical="center" wrapText="1"/>
    </xf>
    <xf numFmtId="49" fontId="2" fillId="6" borderId="25" xfId="0" applyNumberFormat="1" applyFont="1" applyFill="1" applyBorder="1" applyAlignment="1">
      <alignment horizontal="center" vertical="center" wrapText="1"/>
    </xf>
    <xf numFmtId="49" fontId="2" fillId="6" borderId="8" xfId="0" applyNumberFormat="1" applyFont="1" applyFill="1" applyBorder="1" applyAlignment="1">
      <alignment horizontal="right" vertical="center" wrapText="1"/>
    </xf>
    <xf numFmtId="0" fontId="3" fillId="6" borderId="31"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3" fillId="0" borderId="24" xfId="0" applyNumberFormat="1" applyFont="1" applyBorder="1" applyAlignment="1">
      <alignment horizontal="center" vertical="center"/>
    </xf>
    <xf numFmtId="49" fontId="3" fillId="0" borderId="8" xfId="0" applyNumberFormat="1" applyFont="1" applyBorder="1" applyAlignment="1">
      <alignment horizontal="center" vertical="center"/>
    </xf>
    <xf numFmtId="0" fontId="2" fillId="0" borderId="9"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5"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Fill="1" applyBorder="1" applyAlignment="1">
      <alignment vertical="center" wrapText="1"/>
    </xf>
    <xf numFmtId="0" fontId="3" fillId="0" borderId="37" xfId="0" applyFont="1" applyFill="1" applyBorder="1" applyAlignment="1">
      <alignment wrapText="1"/>
    </xf>
    <xf numFmtId="0" fontId="4" fillId="0" borderId="37" xfId="0" applyFont="1" applyFill="1" applyBorder="1" applyAlignment="1">
      <alignment horizontal="left" vertical="center" wrapText="1"/>
    </xf>
    <xf numFmtId="0" fontId="2" fillId="0" borderId="37" xfId="0" applyFont="1" applyFill="1" applyBorder="1" applyAlignment="1">
      <alignment horizontal="center" vertical="center" wrapText="1"/>
    </xf>
    <xf numFmtId="3" fontId="4" fillId="6" borderId="37" xfId="0" applyNumberFormat="1" applyFont="1" applyFill="1" applyBorder="1" applyAlignment="1">
      <alignment horizontal="center" vertical="center" wrapText="1"/>
    </xf>
    <xf numFmtId="9" fontId="2" fillId="0" borderId="0" xfId="0" applyNumberFormat="1" applyFont="1" applyFill="1" applyBorder="1" applyAlignment="1">
      <alignment vertical="center" wrapText="1"/>
    </xf>
    <xf numFmtId="0" fontId="2" fillId="0" borderId="10" xfId="0" applyFont="1" applyFill="1" applyBorder="1" applyAlignment="1">
      <alignment horizontal="left" wrapText="1"/>
    </xf>
    <xf numFmtId="49" fontId="2" fillId="0" borderId="43" xfId="0" applyNumberFormat="1" applyFont="1" applyFill="1" applyBorder="1" applyAlignment="1">
      <alignment horizontal="center" vertical="center" wrapText="1"/>
    </xf>
    <xf numFmtId="0" fontId="4" fillId="0" borderId="44" xfId="0" applyFont="1" applyFill="1" applyBorder="1" applyAlignment="1">
      <alignment horizontal="left" vertical="center" wrapText="1"/>
    </xf>
    <xf numFmtId="49" fontId="2" fillId="0" borderId="45" xfId="0" applyNumberFormat="1" applyFont="1" applyFill="1" applyBorder="1" applyAlignment="1">
      <alignment horizontal="right" vertical="center" wrapText="1"/>
    </xf>
    <xf numFmtId="0" fontId="4" fillId="0" borderId="46" xfId="0" applyFont="1" applyFill="1" applyBorder="1" applyAlignment="1">
      <alignment horizontal="left" vertical="center" wrapText="1"/>
    </xf>
    <xf numFmtId="49" fontId="2" fillId="0" borderId="47" xfId="0" applyNumberFormat="1" applyFont="1" applyFill="1" applyBorder="1" applyAlignment="1">
      <alignment horizontal="right" vertical="center" wrapText="1"/>
    </xf>
    <xf numFmtId="0" fontId="4" fillId="0" borderId="48" xfId="0" applyFont="1" applyFill="1" applyBorder="1" applyAlignment="1">
      <alignment horizontal="left" vertical="center" wrapText="1"/>
    </xf>
    <xf numFmtId="0" fontId="4" fillId="0" borderId="9" xfId="0" applyFont="1" applyFill="1" applyBorder="1" applyAlignment="1">
      <alignment horizontal="left" vertical="center" wrapText="1"/>
    </xf>
    <xf numFmtId="0" fontId="2" fillId="0" borderId="5" xfId="0" applyFont="1" applyBorder="1" applyAlignment="1">
      <alignment vertical="center" wrapText="1"/>
    </xf>
    <xf numFmtId="0" fontId="14" fillId="0" borderId="9" xfId="0" applyFont="1" applyFill="1" applyBorder="1" applyAlignment="1">
      <alignment horizontal="left" vertical="center" wrapText="1"/>
    </xf>
    <xf numFmtId="49" fontId="2" fillId="6" borderId="49" xfId="0" applyNumberFormat="1" applyFont="1" applyFill="1" applyBorder="1" applyAlignment="1">
      <alignment horizontal="center" vertical="center" wrapText="1"/>
    </xf>
    <xf numFmtId="0" fontId="4" fillId="6" borderId="50" xfId="0" applyFont="1" applyFill="1" applyBorder="1" applyAlignment="1">
      <alignment horizontal="left" vertical="center" wrapText="1"/>
    </xf>
    <xf numFmtId="49" fontId="2" fillId="6" borderId="51" xfId="0" applyNumberFormat="1" applyFont="1" applyFill="1" applyBorder="1" applyAlignment="1">
      <alignment horizontal="right" vertical="center" wrapText="1"/>
    </xf>
    <xf numFmtId="0" fontId="4" fillId="0" borderId="52" xfId="0" applyFont="1" applyFill="1" applyBorder="1" applyAlignment="1">
      <alignment horizontal="left" vertical="center" wrapText="1"/>
    </xf>
    <xf numFmtId="49" fontId="2" fillId="6" borderId="41" xfId="0" applyNumberFormat="1" applyFont="1" applyFill="1" applyBorder="1" applyAlignment="1">
      <alignment horizontal="right" vertical="center" wrapText="1"/>
    </xf>
    <xf numFmtId="0" fontId="4" fillId="0" borderId="53" xfId="0" applyFont="1" applyFill="1" applyBorder="1" applyAlignment="1">
      <alignment horizontal="left" vertical="center" wrapText="1"/>
    </xf>
    <xf numFmtId="49" fontId="2" fillId="6" borderId="24" xfId="0" applyNumberFormat="1" applyFont="1" applyFill="1" applyBorder="1" applyAlignment="1">
      <alignment horizontal="center" vertical="center" wrapText="1"/>
    </xf>
    <xf numFmtId="49" fontId="2" fillId="6" borderId="11" xfId="0" applyNumberFormat="1" applyFont="1" applyFill="1" applyBorder="1" applyAlignment="1">
      <alignment horizontal="center" vertical="center" wrapText="1"/>
    </xf>
    <xf numFmtId="49" fontId="2" fillId="0" borderId="20" xfId="0" applyNumberFormat="1" applyFont="1" applyFill="1" applyBorder="1" applyAlignment="1">
      <alignment horizontal="left" vertical="center" wrapText="1"/>
    </xf>
    <xf numFmtId="0" fontId="2" fillId="0" borderId="28" xfId="0" applyFont="1" applyFill="1" applyBorder="1" applyAlignment="1">
      <alignment horizontal="left" vertical="center" wrapText="1"/>
    </xf>
    <xf numFmtId="0" fontId="4" fillId="6" borderId="5" xfId="0" applyFont="1" applyFill="1" applyBorder="1" applyAlignment="1">
      <alignment vertical="center" wrapText="1"/>
    </xf>
    <xf numFmtId="0" fontId="14" fillId="0" borderId="5"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2" fillId="6" borderId="8" xfId="0" applyNumberFormat="1" applyFont="1" applyFill="1" applyBorder="1" applyAlignment="1">
      <alignment horizontal="center" vertical="center"/>
    </xf>
    <xf numFmtId="0" fontId="4" fillId="6" borderId="37" xfId="0" applyFont="1" applyFill="1" applyBorder="1" applyAlignment="1">
      <alignment vertical="center" wrapText="1"/>
    </xf>
    <xf numFmtId="0" fontId="2" fillId="6" borderId="37" xfId="0" applyNumberFormat="1" applyFont="1" applyFill="1" applyBorder="1" applyAlignment="1">
      <alignment horizontal="center" vertical="center" wrapText="1"/>
    </xf>
    <xf numFmtId="49" fontId="2" fillId="6" borderId="37" xfId="0" applyNumberFormat="1" applyFont="1" applyFill="1" applyBorder="1" applyAlignment="1">
      <alignment horizontal="center" vertical="center" wrapText="1"/>
    </xf>
    <xf numFmtId="49" fontId="2" fillId="6" borderId="26" xfId="0" applyNumberFormat="1" applyFont="1" applyFill="1" applyBorder="1" applyAlignment="1">
      <alignment horizontal="center" vertical="center" wrapText="1"/>
    </xf>
    <xf numFmtId="0" fontId="2" fillId="6" borderId="37" xfId="0" applyFont="1" applyFill="1" applyBorder="1" applyAlignment="1">
      <alignment vertical="center" wrapText="1"/>
    </xf>
    <xf numFmtId="49" fontId="2" fillId="6" borderId="11" xfId="0" applyNumberFormat="1" applyFont="1" applyFill="1" applyBorder="1" applyAlignment="1">
      <alignment horizontal="center" vertical="center"/>
    </xf>
    <xf numFmtId="0" fontId="2" fillId="6" borderId="55" xfId="0" applyFont="1" applyFill="1" applyBorder="1" applyAlignment="1">
      <alignment vertical="center" wrapText="1"/>
    </xf>
    <xf numFmtId="49" fontId="2" fillId="6" borderId="55" xfId="0" applyNumberFormat="1" applyFont="1" applyFill="1" applyBorder="1" applyAlignment="1">
      <alignment horizontal="center" vertical="center" wrapText="1"/>
    </xf>
    <xf numFmtId="49" fontId="2" fillId="6" borderId="36" xfId="0" applyNumberFormat="1" applyFont="1" applyFill="1" applyBorder="1" applyAlignment="1">
      <alignment horizontal="center" vertical="center" wrapText="1"/>
    </xf>
    <xf numFmtId="0" fontId="2" fillId="6" borderId="56" xfId="0" applyNumberFormat="1" applyFont="1" applyFill="1" applyBorder="1" applyAlignment="1">
      <alignment horizontal="center" vertical="center" wrapText="1"/>
    </xf>
    <xf numFmtId="49" fontId="10" fillId="0" borderId="10" xfId="0" applyNumberFormat="1" applyFont="1" applyFill="1" applyBorder="1" applyAlignment="1">
      <alignment vertical="center" wrapText="1"/>
    </xf>
    <xf numFmtId="49" fontId="10" fillId="0" borderId="8" xfId="0" applyNumberFormat="1" applyFont="1" applyBorder="1" applyAlignment="1">
      <alignment horizontal="center" vertical="center"/>
    </xf>
    <xf numFmtId="49" fontId="10" fillId="6" borderId="8" xfId="0" applyNumberFormat="1" applyFont="1" applyFill="1" applyBorder="1" applyAlignment="1">
      <alignment horizontal="center" vertical="center" wrapText="1"/>
    </xf>
    <xf numFmtId="0" fontId="10" fillId="0" borderId="9" xfId="0" applyFont="1" applyFill="1" applyBorder="1" applyAlignment="1">
      <alignment horizontal="left" vertical="center" wrapText="1"/>
    </xf>
    <xf numFmtId="49" fontId="10" fillId="0" borderId="8" xfId="0" applyNumberFormat="1" applyFont="1" applyFill="1" applyBorder="1" applyAlignment="1">
      <alignment horizontal="center" vertical="center" wrapText="1"/>
    </xf>
    <xf numFmtId="0" fontId="2" fillId="0" borderId="5" xfId="0" applyFont="1" applyFill="1" applyBorder="1" applyAlignment="1">
      <alignment horizontal="left" vertical="center" wrapText="1"/>
    </xf>
    <xf numFmtId="0" fontId="2" fillId="0" borderId="26" xfId="0" applyFont="1" applyFill="1" applyBorder="1" applyAlignment="1">
      <alignment horizontal="left" vertical="center" wrapText="1"/>
    </xf>
    <xf numFmtId="49" fontId="3" fillId="7" borderId="40" xfId="0" applyNumberFormat="1" applyFont="1" applyFill="1" applyBorder="1" applyAlignment="1">
      <alignment horizontal="left" vertical="center" wrapText="1"/>
    </xf>
    <xf numFmtId="49" fontId="3" fillId="7" borderId="54" xfId="0" applyNumberFormat="1"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39"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3" fillId="5" borderId="40" xfId="0" applyNumberFormat="1" applyFont="1" applyFill="1" applyBorder="1" applyAlignment="1">
      <alignment horizontal="left" vertical="center"/>
    </xf>
    <xf numFmtId="49" fontId="3" fillId="5" borderId="38" xfId="0" applyNumberFormat="1" applyFont="1" applyFill="1" applyBorder="1" applyAlignment="1">
      <alignment horizontal="left" vertical="center"/>
    </xf>
    <xf numFmtId="49" fontId="3" fillId="5" borderId="29" xfId="0" applyNumberFormat="1" applyFont="1" applyFill="1" applyBorder="1" applyAlignment="1">
      <alignment horizontal="left" vertical="center"/>
    </xf>
    <xf numFmtId="0" fontId="2" fillId="0" borderId="5"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5" fillId="5" borderId="21" xfId="0" applyNumberFormat="1"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31"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2"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8" xfId="0" applyFont="1" applyFill="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5" fillId="6" borderId="0" xfId="0" applyNumberFormat="1"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3" fillId="2" borderId="57" xfId="0" applyNumberFormat="1" applyFont="1" applyFill="1" applyBorder="1" applyAlignment="1">
      <alignment horizontal="left" vertical="top" wrapText="1"/>
    </xf>
    <xf numFmtId="49" fontId="3" fillId="2" borderId="40" xfId="0" applyNumberFormat="1" applyFont="1" applyFill="1" applyBorder="1" applyAlignment="1">
      <alignment horizontal="left" vertical="top" wrapText="1"/>
    </xf>
    <xf numFmtId="49" fontId="3" fillId="2" borderId="54" xfId="0" applyNumberFormat="1" applyFont="1" applyFill="1" applyBorder="1" applyAlignment="1">
      <alignment horizontal="lef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399"/>
  <sheetViews>
    <sheetView showGridLines="0" tabSelected="1" zoomScale="80" zoomScaleNormal="80" workbookViewId="0">
      <selection activeCell="C208" sqref="C208"/>
    </sheetView>
  </sheetViews>
  <sheetFormatPr defaultRowHeight="12.75" x14ac:dyDescent="0.2"/>
  <cols>
    <col min="1" max="1" width="1.85546875" style="1" customWidth="1"/>
    <col min="2" max="2" width="13.5703125" style="1" customWidth="1"/>
    <col min="3" max="3" width="70.42578125" style="3" customWidth="1"/>
    <col min="4" max="4" width="16.42578125" style="8" customWidth="1"/>
    <col min="5" max="5" width="13.7109375" style="8" customWidth="1"/>
    <col min="6" max="6" width="21.140625" style="2" customWidth="1"/>
    <col min="7" max="7" width="17.140625" style="1" customWidth="1"/>
    <col min="8" max="8" width="9.140625" style="1"/>
    <col min="9" max="9" width="9.140625" style="1" customWidth="1"/>
    <col min="10" max="16384" width="9.140625" style="1"/>
  </cols>
  <sheetData>
    <row r="1" spans="2:6" ht="24" customHeight="1" x14ac:dyDescent="0.2">
      <c r="B1" s="218" t="s">
        <v>46</v>
      </c>
      <c r="C1" s="218"/>
      <c r="D1" s="218"/>
      <c r="E1" s="218"/>
      <c r="F1" s="218"/>
    </row>
    <row r="2" spans="2:6" ht="27.75" customHeight="1" x14ac:dyDescent="0.2">
      <c r="B2" s="217" t="s">
        <v>44</v>
      </c>
      <c r="C2" s="217"/>
      <c r="D2" s="217"/>
      <c r="E2" s="217"/>
      <c r="F2" s="217"/>
    </row>
    <row r="3" spans="2:6" ht="54.75" customHeight="1" x14ac:dyDescent="0.2">
      <c r="B3" s="213" t="s">
        <v>50</v>
      </c>
      <c r="C3" s="213"/>
      <c r="D3" s="213"/>
      <c r="E3" s="213"/>
      <c r="F3" s="213"/>
    </row>
    <row r="4" spans="2:6" ht="24.95" customHeight="1" x14ac:dyDescent="0.2">
      <c r="B4" s="39" t="s">
        <v>49</v>
      </c>
      <c r="C4" s="63"/>
      <c r="D4" s="36"/>
      <c r="E4" s="36"/>
      <c r="F4" s="36"/>
    </row>
    <row r="5" spans="2:6" ht="24.95" customHeight="1" x14ac:dyDescent="0.2">
      <c r="B5" s="39" t="s">
        <v>47</v>
      </c>
      <c r="C5" s="64"/>
      <c r="D5" s="36"/>
      <c r="E5" s="36"/>
      <c r="F5" s="36"/>
    </row>
    <row r="6" spans="2:6" ht="5.0999999999999996" customHeight="1" x14ac:dyDescent="0.2">
      <c r="B6" s="36"/>
      <c r="C6" s="57"/>
      <c r="D6" s="36"/>
      <c r="E6" s="36"/>
      <c r="F6" s="36"/>
    </row>
    <row r="7" spans="2:6" s="2" customFormat="1" ht="20.100000000000001" customHeight="1" x14ac:dyDescent="0.25">
      <c r="B7" s="194" t="s">
        <v>4</v>
      </c>
      <c r="C7" s="194"/>
      <c r="D7" s="194"/>
      <c r="E7" s="194"/>
      <c r="F7" s="194"/>
    </row>
    <row r="8" spans="2:6" s="2" customFormat="1" ht="20.100000000000001" customHeight="1" x14ac:dyDescent="0.25">
      <c r="B8" s="214" t="s">
        <v>8</v>
      </c>
      <c r="C8" s="214"/>
      <c r="D8" s="214"/>
      <c r="E8" s="214"/>
      <c r="F8" s="214"/>
    </row>
    <row r="9" spans="2:6" ht="29.25" customHeight="1" x14ac:dyDescent="0.2">
      <c r="B9" s="221" t="s">
        <v>414</v>
      </c>
      <c r="C9" s="221"/>
      <c r="D9" s="221"/>
      <c r="E9" s="221"/>
      <c r="F9" s="221"/>
    </row>
    <row r="10" spans="2:6" ht="4.5" customHeight="1" x14ac:dyDescent="0.2">
      <c r="B10" s="38"/>
      <c r="C10" s="38"/>
      <c r="D10" s="38"/>
      <c r="E10" s="38"/>
      <c r="F10" s="38"/>
    </row>
    <row r="11" spans="2:6" s="2" customFormat="1" ht="20.100000000000001" customHeight="1" x14ac:dyDescent="0.25">
      <c r="B11" s="215" t="s">
        <v>9</v>
      </c>
      <c r="C11" s="215"/>
      <c r="D11" s="215"/>
      <c r="E11" s="215"/>
      <c r="F11" s="215"/>
    </row>
    <row r="12" spans="2:6" s="2" customFormat="1" ht="20.100000000000001" customHeight="1" x14ac:dyDescent="0.25">
      <c r="B12" s="216" t="s">
        <v>363</v>
      </c>
      <c r="C12" s="216"/>
      <c r="D12" s="216"/>
      <c r="E12" s="40"/>
      <c r="F12" s="40"/>
    </row>
    <row r="13" spans="2:6" s="2" customFormat="1" ht="20.100000000000001" customHeight="1" x14ac:dyDescent="0.25">
      <c r="B13" s="216" t="s">
        <v>362</v>
      </c>
      <c r="C13" s="222"/>
      <c r="D13" s="99"/>
      <c r="E13" s="58"/>
      <c r="F13" s="58"/>
    </row>
    <row r="14" spans="2:6" s="2" customFormat="1" ht="20.100000000000001" customHeight="1" x14ac:dyDescent="0.25">
      <c r="B14" s="216" t="s">
        <v>82</v>
      </c>
      <c r="C14" s="216"/>
      <c r="D14" s="99"/>
      <c r="E14" s="58"/>
      <c r="F14" s="58"/>
    </row>
    <row r="15" spans="2:6" s="3" customFormat="1" ht="20.100000000000001" customHeight="1" x14ac:dyDescent="0.25">
      <c r="B15" s="216" t="s">
        <v>83</v>
      </c>
      <c r="C15" s="216"/>
      <c r="D15" s="216"/>
      <c r="E15" s="18"/>
      <c r="F15" s="19"/>
    </row>
    <row r="16" spans="2:6" ht="4.5" customHeight="1" x14ac:dyDescent="0.2">
      <c r="B16" s="41"/>
      <c r="C16" s="41"/>
      <c r="D16" s="41"/>
      <c r="E16" s="38"/>
      <c r="F16" s="38"/>
    </row>
    <row r="17" spans="2:9" ht="20.100000000000001" customHeight="1" x14ac:dyDescent="0.2">
      <c r="B17" s="37" t="s">
        <v>10</v>
      </c>
      <c r="C17" s="37"/>
      <c r="D17" s="20"/>
      <c r="E17" s="21"/>
      <c r="F17" s="21"/>
    </row>
    <row r="18" spans="2:9" s="3" customFormat="1" ht="24.95" customHeight="1" x14ac:dyDescent="0.25">
      <c r="B18" s="225" t="s">
        <v>63</v>
      </c>
      <c r="C18" s="225"/>
      <c r="D18" s="225"/>
      <c r="E18" s="18"/>
      <c r="F18" s="19"/>
    </row>
    <row r="19" spans="2:9" ht="5.0999999999999996" customHeight="1" x14ac:dyDescent="0.2">
      <c r="B19" s="224"/>
      <c r="C19" s="224"/>
      <c r="D19" s="224"/>
      <c r="F19" s="15"/>
    </row>
    <row r="20" spans="2:9" s="2" customFormat="1" ht="20.100000000000001" customHeight="1" x14ac:dyDescent="0.25">
      <c r="B20" s="194" t="s">
        <v>22</v>
      </c>
      <c r="C20" s="194"/>
      <c r="D20" s="194"/>
      <c r="E20" s="194"/>
      <c r="F20" s="194"/>
    </row>
    <row r="21" spans="2:9" ht="74.25" customHeight="1" x14ac:dyDescent="0.2">
      <c r="B21" s="223" t="s">
        <v>95</v>
      </c>
      <c r="C21" s="223"/>
      <c r="D21" s="223"/>
      <c r="E21" s="223"/>
      <c r="F21" s="223"/>
    </row>
    <row r="22" spans="2:9" ht="5.0999999999999996" customHeight="1" x14ac:dyDescent="0.2">
      <c r="B22" s="224"/>
      <c r="C22" s="224"/>
      <c r="D22" s="224"/>
      <c r="F22" s="15"/>
    </row>
    <row r="23" spans="2:9" s="2" customFormat="1" ht="20.100000000000001" customHeight="1" x14ac:dyDescent="0.25">
      <c r="B23" s="194" t="s">
        <v>23</v>
      </c>
      <c r="C23" s="194"/>
      <c r="D23" s="194"/>
      <c r="E23" s="194"/>
      <c r="F23" s="194"/>
    </row>
    <row r="24" spans="2:9" s="9" customFormat="1" ht="20.100000000000001" customHeight="1" x14ac:dyDescent="0.25">
      <c r="B24" s="237" t="s">
        <v>5</v>
      </c>
      <c r="C24" s="237"/>
      <c r="D24" s="237"/>
      <c r="E24" s="237"/>
      <c r="F24" s="237"/>
    </row>
    <row r="25" spans="2:9" s="9" customFormat="1" ht="20.100000000000001" customHeight="1" x14ac:dyDescent="0.25">
      <c r="B25" s="219" t="s">
        <v>16</v>
      </c>
      <c r="C25" s="220"/>
      <c r="D25" s="14"/>
      <c r="E25" s="14"/>
      <c r="F25" s="14"/>
    </row>
    <row r="26" spans="2:9" s="9" customFormat="1" ht="20.100000000000001" customHeight="1" x14ac:dyDescent="0.25">
      <c r="B26" s="13"/>
      <c r="C26" s="65" t="s">
        <v>20</v>
      </c>
      <c r="D26" s="14"/>
      <c r="E26" s="14"/>
      <c r="F26" s="14"/>
    </row>
    <row r="27" spans="2:9" s="9" customFormat="1" ht="20.100000000000001" customHeight="1" x14ac:dyDescent="0.25">
      <c r="B27" s="13"/>
      <c r="C27" s="65" t="s">
        <v>21</v>
      </c>
      <c r="D27" s="14"/>
      <c r="E27" s="14"/>
      <c r="F27" s="14"/>
    </row>
    <row r="28" spans="2:9" s="9" customFormat="1" ht="20.100000000000001" customHeight="1" x14ac:dyDescent="0.25">
      <c r="B28" s="219" t="s">
        <v>17</v>
      </c>
      <c r="C28" s="220"/>
      <c r="D28" s="14"/>
      <c r="E28" s="14"/>
      <c r="F28" s="14"/>
    </row>
    <row r="29" spans="2:9" s="9" customFormat="1" ht="20.100000000000001" customHeight="1" x14ac:dyDescent="0.25">
      <c r="B29" s="124" t="s">
        <v>492</v>
      </c>
      <c r="C29" s="125"/>
      <c r="D29" s="127"/>
      <c r="E29" s="127"/>
      <c r="F29" s="127"/>
    </row>
    <row r="30" spans="2:9" s="9" customFormat="1" ht="39.75" customHeight="1" x14ac:dyDescent="0.25">
      <c r="B30" s="16" t="s">
        <v>18</v>
      </c>
      <c r="C30" s="238" t="s">
        <v>12</v>
      </c>
      <c r="D30" s="239"/>
      <c r="E30" s="17" t="s">
        <v>11</v>
      </c>
      <c r="F30" s="17" t="s">
        <v>491</v>
      </c>
    </row>
    <row r="31" spans="2:9" s="9" customFormat="1" ht="35.25" customHeight="1" x14ac:dyDescent="0.25">
      <c r="B31" s="42" t="s">
        <v>1</v>
      </c>
      <c r="C31" s="233" t="s">
        <v>486</v>
      </c>
      <c r="D31" s="234"/>
      <c r="E31" s="51" t="s">
        <v>71</v>
      </c>
      <c r="F31" s="84">
        <v>1</v>
      </c>
      <c r="I31" s="50"/>
    </row>
    <row r="32" spans="2:9" s="128" customFormat="1" ht="34.5" customHeight="1" x14ac:dyDescent="0.2">
      <c r="B32" s="129" t="s">
        <v>487</v>
      </c>
      <c r="C32" s="130"/>
      <c r="D32" s="130"/>
      <c r="E32" s="131"/>
      <c r="F32" s="132"/>
      <c r="I32" s="133"/>
    </row>
    <row r="33" spans="2:9" s="9" customFormat="1" ht="36" customHeight="1" x14ac:dyDescent="0.25">
      <c r="B33" s="42" t="s">
        <v>1</v>
      </c>
      <c r="C33" s="233" t="s">
        <v>485</v>
      </c>
      <c r="D33" s="234"/>
      <c r="E33" s="51" t="s">
        <v>71</v>
      </c>
      <c r="F33" s="84">
        <v>1</v>
      </c>
      <c r="I33" s="50"/>
    </row>
    <row r="34" spans="2:9" s="9" customFormat="1" ht="36" customHeight="1" x14ac:dyDescent="0.2">
      <c r="B34" s="134" t="s">
        <v>488</v>
      </c>
      <c r="C34" s="233" t="s">
        <v>489</v>
      </c>
      <c r="D34" s="234"/>
      <c r="E34" s="51" t="s">
        <v>490</v>
      </c>
      <c r="F34" s="84">
        <v>36</v>
      </c>
      <c r="I34" s="50"/>
    </row>
    <row r="35" spans="2:9" s="9" customFormat="1" ht="8.25" customHeight="1" x14ac:dyDescent="0.25">
      <c r="B35" s="14"/>
      <c r="C35" s="66"/>
      <c r="D35" s="14"/>
      <c r="E35" s="14"/>
      <c r="F35" s="14"/>
    </row>
    <row r="36" spans="2:9" s="9" customFormat="1" ht="20.100000000000001" customHeight="1" x14ac:dyDescent="0.25">
      <c r="B36" s="219" t="s">
        <v>19</v>
      </c>
      <c r="C36" s="220"/>
      <c r="D36" s="14"/>
      <c r="E36" s="14"/>
      <c r="F36" s="14"/>
    </row>
    <row r="37" spans="2:9" s="9" customFormat="1" ht="20.100000000000001" customHeight="1" x14ac:dyDescent="0.2">
      <c r="B37" s="10"/>
      <c r="C37" s="67" t="s">
        <v>2</v>
      </c>
      <c r="D37" s="14"/>
      <c r="E37" s="14"/>
      <c r="F37" s="14"/>
    </row>
    <row r="38" spans="2:9" s="9" customFormat="1" ht="20.100000000000001" customHeight="1" x14ac:dyDescent="0.25">
      <c r="B38" s="13"/>
      <c r="C38" s="3" t="s">
        <v>3</v>
      </c>
      <c r="D38" s="14"/>
      <c r="E38" s="14"/>
      <c r="F38" s="14"/>
    </row>
    <row r="39" spans="2:9" ht="5.0999999999999996" customHeight="1" x14ac:dyDescent="0.2"/>
    <row r="40" spans="2:9" s="2" customFormat="1" ht="20.100000000000001" customHeight="1" x14ac:dyDescent="0.25">
      <c r="B40" s="194" t="s">
        <v>24</v>
      </c>
      <c r="C40" s="194"/>
      <c r="D40" s="194"/>
      <c r="E40" s="194"/>
      <c r="F40" s="194"/>
    </row>
    <row r="41" spans="2:9" s="2" customFormat="1" ht="5.0999999999999996" customHeight="1" thickBot="1" x14ac:dyDescent="0.3">
      <c r="B41" s="15"/>
      <c r="C41" s="3"/>
      <c r="D41" s="6"/>
      <c r="E41" s="6"/>
      <c r="F41" s="6"/>
    </row>
    <row r="42" spans="2:9" s="3" customFormat="1" ht="93" customHeight="1" x14ac:dyDescent="0.25">
      <c r="B42" s="195" t="s">
        <v>0</v>
      </c>
      <c r="C42" s="196"/>
      <c r="D42" s="205" t="s">
        <v>25</v>
      </c>
      <c r="E42" s="206"/>
      <c r="F42" s="207"/>
      <c r="G42" s="22"/>
    </row>
    <row r="43" spans="2:9" s="3" customFormat="1" ht="30" customHeight="1" thickBot="1" x14ac:dyDescent="0.3">
      <c r="B43" s="197"/>
      <c r="C43" s="198"/>
      <c r="D43" s="23" t="s">
        <v>26</v>
      </c>
      <c r="E43" s="235" t="s">
        <v>27</v>
      </c>
      <c r="F43" s="236"/>
    </row>
    <row r="44" spans="2:9" s="24" customFormat="1" ht="61.5" customHeight="1" x14ac:dyDescent="0.25">
      <c r="B44" s="189" t="s">
        <v>493</v>
      </c>
      <c r="C44" s="190"/>
      <c r="D44" s="190"/>
      <c r="E44" s="190"/>
      <c r="F44" s="191"/>
    </row>
    <row r="45" spans="2:9" s="4" customFormat="1" ht="86.25" customHeight="1" x14ac:dyDescent="0.25">
      <c r="B45" s="49" t="s">
        <v>14</v>
      </c>
      <c r="C45" s="53" t="s">
        <v>329</v>
      </c>
      <c r="D45" s="44"/>
      <c r="E45" s="192"/>
      <c r="F45" s="193"/>
    </row>
    <row r="46" spans="2:9" s="4" customFormat="1" ht="67.5" customHeight="1" x14ac:dyDescent="0.25">
      <c r="B46" s="49" t="s">
        <v>54</v>
      </c>
      <c r="C46" s="79" t="s">
        <v>330</v>
      </c>
      <c r="D46" s="44"/>
      <c r="E46" s="182"/>
      <c r="F46" s="183"/>
    </row>
    <row r="47" spans="2:9" s="4" customFormat="1" ht="54.75" customHeight="1" x14ac:dyDescent="0.25">
      <c r="B47" s="49" t="s">
        <v>55</v>
      </c>
      <c r="C47" s="79" t="s">
        <v>415</v>
      </c>
      <c r="D47" s="44"/>
      <c r="E47" s="100"/>
      <c r="F47" s="101"/>
    </row>
    <row r="48" spans="2:9" s="4" customFormat="1" ht="31.5" customHeight="1" x14ac:dyDescent="0.25">
      <c r="B48" s="49" t="s">
        <v>55</v>
      </c>
      <c r="C48" s="53" t="s">
        <v>96</v>
      </c>
      <c r="D48" s="44"/>
      <c r="E48" s="201"/>
      <c r="F48" s="202"/>
    </row>
    <row r="49" spans="2:6" s="4" customFormat="1" ht="29.25" customHeight="1" x14ac:dyDescent="0.25">
      <c r="B49" s="49" t="s">
        <v>73</v>
      </c>
      <c r="C49" s="53" t="s">
        <v>371</v>
      </c>
      <c r="D49" s="44"/>
      <c r="E49" s="201"/>
      <c r="F49" s="202"/>
    </row>
    <row r="50" spans="2:6" s="4" customFormat="1" ht="29.25" customHeight="1" x14ac:dyDescent="0.25">
      <c r="B50" s="49" t="s">
        <v>74</v>
      </c>
      <c r="C50" s="53" t="s">
        <v>441</v>
      </c>
      <c r="D50" s="44"/>
      <c r="E50" s="201"/>
      <c r="F50" s="202"/>
    </row>
    <row r="51" spans="2:6" s="4" customFormat="1" ht="29.25" customHeight="1" x14ac:dyDescent="0.25">
      <c r="B51" s="49" t="s">
        <v>75</v>
      </c>
      <c r="C51" s="53" t="s">
        <v>97</v>
      </c>
      <c r="D51" s="44"/>
      <c r="E51" s="201"/>
      <c r="F51" s="202"/>
    </row>
    <row r="52" spans="2:6" s="4" customFormat="1" ht="38.25" customHeight="1" x14ac:dyDescent="0.25">
      <c r="B52" s="49" t="s">
        <v>76</v>
      </c>
      <c r="C52" s="53" t="s">
        <v>98</v>
      </c>
      <c r="D52" s="44"/>
      <c r="E52" s="201"/>
      <c r="F52" s="202"/>
    </row>
    <row r="53" spans="2:6" s="4" customFormat="1" ht="29.25" customHeight="1" x14ac:dyDescent="0.25">
      <c r="B53" s="49" t="s">
        <v>77</v>
      </c>
      <c r="C53" s="53" t="s">
        <v>331</v>
      </c>
      <c r="D53" s="44"/>
      <c r="E53" s="201"/>
      <c r="F53" s="202"/>
    </row>
    <row r="54" spans="2:6" s="4" customFormat="1" ht="29.25" customHeight="1" x14ac:dyDescent="0.25">
      <c r="B54" s="49" t="s">
        <v>78</v>
      </c>
      <c r="C54" s="53" t="s">
        <v>332</v>
      </c>
      <c r="D54" s="44"/>
      <c r="E54" s="201"/>
      <c r="F54" s="202"/>
    </row>
    <row r="55" spans="2:6" s="4" customFormat="1" ht="29.25" customHeight="1" x14ac:dyDescent="0.25">
      <c r="B55" s="49" t="s">
        <v>61</v>
      </c>
      <c r="C55" s="53" t="s">
        <v>99</v>
      </c>
      <c r="D55" s="44"/>
      <c r="E55" s="201"/>
      <c r="F55" s="202"/>
    </row>
    <row r="56" spans="2:6" s="4" customFormat="1" ht="29.25" customHeight="1" x14ac:dyDescent="0.25">
      <c r="B56" s="49" t="s">
        <v>62</v>
      </c>
      <c r="C56" s="53" t="s">
        <v>333</v>
      </c>
      <c r="D56" s="44"/>
      <c r="E56" s="201"/>
      <c r="F56" s="202"/>
    </row>
    <row r="57" spans="2:6" s="4" customFormat="1" ht="29.25" customHeight="1" x14ac:dyDescent="0.25">
      <c r="B57" s="170" t="s">
        <v>65</v>
      </c>
      <c r="C57" s="169" t="s">
        <v>555</v>
      </c>
      <c r="D57" s="44"/>
      <c r="E57" s="201"/>
      <c r="F57" s="202"/>
    </row>
    <row r="58" spans="2:6" s="4" customFormat="1" ht="29.25" customHeight="1" x14ac:dyDescent="0.25">
      <c r="B58" s="49" t="s">
        <v>93</v>
      </c>
      <c r="C58" s="53" t="s">
        <v>334</v>
      </c>
      <c r="D58" s="44"/>
      <c r="E58" s="201"/>
      <c r="F58" s="202"/>
    </row>
    <row r="59" spans="2:6" s="4" customFormat="1" ht="29.25" customHeight="1" x14ac:dyDescent="0.25">
      <c r="B59" s="49" t="s">
        <v>94</v>
      </c>
      <c r="C59" s="53" t="s">
        <v>335</v>
      </c>
      <c r="D59" s="44"/>
      <c r="E59" s="201"/>
      <c r="F59" s="202"/>
    </row>
    <row r="60" spans="2:6" s="4" customFormat="1" ht="29.25" customHeight="1" x14ac:dyDescent="0.25">
      <c r="B60" s="49" t="s">
        <v>100</v>
      </c>
      <c r="C60" s="53" t="s">
        <v>336</v>
      </c>
      <c r="D60" s="44"/>
      <c r="E60" s="201"/>
      <c r="F60" s="202"/>
    </row>
    <row r="61" spans="2:6" s="4" customFormat="1" ht="29.25" customHeight="1" x14ac:dyDescent="0.25">
      <c r="B61" s="49" t="s">
        <v>101</v>
      </c>
      <c r="C61" s="53" t="s">
        <v>337</v>
      </c>
      <c r="D61" s="44"/>
      <c r="E61" s="201"/>
      <c r="F61" s="202"/>
    </row>
    <row r="62" spans="2:6" s="4" customFormat="1" ht="29.25" customHeight="1" x14ac:dyDescent="0.25">
      <c r="B62" s="49" t="s">
        <v>102</v>
      </c>
      <c r="C62" s="53" t="s">
        <v>451</v>
      </c>
      <c r="D62" s="44"/>
      <c r="E62" s="201"/>
      <c r="F62" s="202"/>
    </row>
    <row r="63" spans="2:6" s="4" customFormat="1" ht="29.25" customHeight="1" x14ac:dyDescent="0.25">
      <c r="B63" s="116" t="s">
        <v>66</v>
      </c>
      <c r="C63" s="91" t="s">
        <v>124</v>
      </c>
      <c r="D63" s="44"/>
      <c r="E63" s="201"/>
      <c r="F63" s="202"/>
    </row>
    <row r="64" spans="2:6" s="4" customFormat="1" ht="29.25" customHeight="1" x14ac:dyDescent="0.25">
      <c r="B64" s="62" t="s">
        <v>106</v>
      </c>
      <c r="C64" s="53" t="s">
        <v>112</v>
      </c>
      <c r="D64" s="44"/>
      <c r="E64" s="201"/>
      <c r="F64" s="202"/>
    </row>
    <row r="65" spans="2:6" s="4" customFormat="1" ht="29.25" customHeight="1" x14ac:dyDescent="0.25">
      <c r="B65" s="62" t="s">
        <v>107</v>
      </c>
      <c r="C65" s="53" t="s">
        <v>416</v>
      </c>
      <c r="D65" s="44"/>
      <c r="E65" s="201"/>
      <c r="F65" s="202"/>
    </row>
    <row r="66" spans="2:6" s="4" customFormat="1" ht="29.25" customHeight="1" x14ac:dyDescent="0.25">
      <c r="B66" s="62" t="s">
        <v>108</v>
      </c>
      <c r="C66" s="53" t="s">
        <v>103</v>
      </c>
      <c r="D66" s="44"/>
      <c r="E66" s="201"/>
      <c r="F66" s="202"/>
    </row>
    <row r="67" spans="2:6" s="4" customFormat="1" ht="29.25" customHeight="1" x14ac:dyDescent="0.25">
      <c r="B67" s="62" t="s">
        <v>109</v>
      </c>
      <c r="C67" s="53" t="s">
        <v>104</v>
      </c>
      <c r="D67" s="44"/>
      <c r="E67" s="201"/>
      <c r="F67" s="202"/>
    </row>
    <row r="68" spans="2:6" s="4" customFormat="1" ht="29.25" customHeight="1" x14ac:dyDescent="0.25">
      <c r="B68" s="62" t="s">
        <v>110</v>
      </c>
      <c r="C68" s="53" t="s">
        <v>113</v>
      </c>
      <c r="D68" s="44"/>
      <c r="E68" s="201"/>
      <c r="F68" s="202"/>
    </row>
    <row r="69" spans="2:6" s="4" customFormat="1" ht="29.25" customHeight="1" x14ac:dyDescent="0.25">
      <c r="B69" s="62" t="s">
        <v>111</v>
      </c>
      <c r="C69" s="53" t="s">
        <v>105</v>
      </c>
      <c r="D69" s="44"/>
      <c r="E69" s="192"/>
      <c r="F69" s="193"/>
    </row>
    <row r="70" spans="2:6" s="4" customFormat="1" ht="30" customHeight="1" x14ac:dyDescent="0.25">
      <c r="B70" s="116" t="s">
        <v>67</v>
      </c>
      <c r="C70" s="91" t="s">
        <v>114</v>
      </c>
      <c r="D70" s="44"/>
      <c r="E70" s="182"/>
      <c r="F70" s="183"/>
    </row>
    <row r="71" spans="2:6" s="4" customFormat="1" ht="29.25" customHeight="1" x14ac:dyDescent="0.25">
      <c r="B71" s="62" t="s">
        <v>116</v>
      </c>
      <c r="C71" s="53" t="s">
        <v>338</v>
      </c>
      <c r="D71" s="44"/>
      <c r="E71" s="182"/>
      <c r="F71" s="183"/>
    </row>
    <row r="72" spans="2:6" s="4" customFormat="1" ht="29.25" customHeight="1" x14ac:dyDescent="0.25">
      <c r="B72" s="62" t="s">
        <v>117</v>
      </c>
      <c r="C72" s="53" t="s">
        <v>339</v>
      </c>
      <c r="D72" s="44"/>
      <c r="E72" s="192"/>
      <c r="F72" s="193"/>
    </row>
    <row r="73" spans="2:6" s="4" customFormat="1" ht="29.25" customHeight="1" x14ac:dyDescent="0.25">
      <c r="B73" s="62" t="s">
        <v>118</v>
      </c>
      <c r="C73" s="53" t="s">
        <v>115</v>
      </c>
      <c r="D73" s="44"/>
      <c r="E73" s="192"/>
      <c r="F73" s="193"/>
    </row>
    <row r="74" spans="2:6" s="4" customFormat="1" ht="27" customHeight="1" x14ac:dyDescent="0.25">
      <c r="B74" s="62" t="s">
        <v>119</v>
      </c>
      <c r="C74" s="53" t="s">
        <v>452</v>
      </c>
      <c r="D74" s="44"/>
      <c r="E74" s="192"/>
      <c r="F74" s="193"/>
    </row>
    <row r="75" spans="2:6" s="4" customFormat="1" ht="31.5" customHeight="1" x14ac:dyDescent="0.25">
      <c r="B75" s="62" t="s">
        <v>121</v>
      </c>
      <c r="C75" s="59" t="s">
        <v>120</v>
      </c>
      <c r="D75" s="60"/>
      <c r="E75" s="192"/>
      <c r="F75" s="193"/>
    </row>
    <row r="76" spans="2:6" s="4" customFormat="1" ht="29.25" customHeight="1" x14ac:dyDescent="0.25">
      <c r="B76" s="116" t="s">
        <v>68</v>
      </c>
      <c r="C76" s="92" t="s">
        <v>122</v>
      </c>
      <c r="D76" s="60"/>
      <c r="E76" s="192"/>
      <c r="F76" s="193"/>
    </row>
    <row r="77" spans="2:6" s="4" customFormat="1" ht="29.25" customHeight="1" x14ac:dyDescent="0.25">
      <c r="B77" s="62" t="s">
        <v>126</v>
      </c>
      <c r="C77" s="59" t="s">
        <v>123</v>
      </c>
      <c r="D77" s="60"/>
      <c r="E77" s="192"/>
      <c r="F77" s="193"/>
    </row>
    <row r="78" spans="2:6" s="4" customFormat="1" ht="29.25" customHeight="1" x14ac:dyDescent="0.25">
      <c r="B78" s="62" t="s">
        <v>127</v>
      </c>
      <c r="C78" s="59" t="s">
        <v>340</v>
      </c>
      <c r="D78" s="60"/>
      <c r="E78" s="192"/>
      <c r="F78" s="193"/>
    </row>
    <row r="79" spans="2:6" s="4" customFormat="1" ht="27.75" customHeight="1" x14ac:dyDescent="0.25">
      <c r="B79" s="62" t="s">
        <v>128</v>
      </c>
      <c r="C79" s="59" t="s">
        <v>341</v>
      </c>
      <c r="D79" s="60"/>
      <c r="E79" s="192"/>
      <c r="F79" s="193"/>
    </row>
    <row r="80" spans="2:6" s="4" customFormat="1" ht="29.25" customHeight="1" x14ac:dyDescent="0.25">
      <c r="B80" s="62" t="s">
        <v>129</v>
      </c>
      <c r="C80" s="53" t="s">
        <v>342</v>
      </c>
      <c r="D80" s="60"/>
      <c r="E80" s="192"/>
      <c r="F80" s="193"/>
    </row>
    <row r="81" spans="2:6" s="4" customFormat="1" ht="29.25" customHeight="1" x14ac:dyDescent="0.25">
      <c r="B81" s="62" t="s">
        <v>130</v>
      </c>
      <c r="C81" s="80" t="s">
        <v>343</v>
      </c>
      <c r="D81" s="60"/>
      <c r="E81" s="192"/>
      <c r="F81" s="193"/>
    </row>
    <row r="82" spans="2:6" s="4" customFormat="1" ht="29.25" customHeight="1" x14ac:dyDescent="0.25">
      <c r="B82" s="62" t="s">
        <v>131</v>
      </c>
      <c r="C82" s="80" t="s">
        <v>344</v>
      </c>
      <c r="D82" s="60"/>
      <c r="E82" s="192"/>
      <c r="F82" s="193"/>
    </row>
    <row r="83" spans="2:6" s="4" customFormat="1" ht="29.25" customHeight="1" x14ac:dyDescent="0.25">
      <c r="B83" s="62" t="s">
        <v>132</v>
      </c>
      <c r="C83" s="80" t="s">
        <v>345</v>
      </c>
      <c r="D83" s="60"/>
      <c r="E83" s="192"/>
      <c r="F83" s="193"/>
    </row>
    <row r="84" spans="2:6" s="4" customFormat="1" ht="29.25" customHeight="1" x14ac:dyDescent="0.25">
      <c r="B84" s="62" t="s">
        <v>133</v>
      </c>
      <c r="C84" s="80" t="s">
        <v>346</v>
      </c>
      <c r="D84" s="60"/>
      <c r="E84" s="192"/>
      <c r="F84" s="193"/>
    </row>
    <row r="85" spans="2:6" s="4" customFormat="1" ht="29.25" customHeight="1" x14ac:dyDescent="0.25">
      <c r="B85" s="62" t="s">
        <v>134</v>
      </c>
      <c r="C85" s="80" t="s">
        <v>442</v>
      </c>
      <c r="D85" s="60"/>
      <c r="E85" s="192"/>
      <c r="F85" s="193"/>
    </row>
    <row r="86" spans="2:6" s="4" customFormat="1" ht="29.25" customHeight="1" x14ac:dyDescent="0.25">
      <c r="B86" s="62" t="s">
        <v>135</v>
      </c>
      <c r="C86" s="61" t="s">
        <v>443</v>
      </c>
      <c r="D86" s="60"/>
      <c r="E86" s="192"/>
      <c r="F86" s="193"/>
    </row>
    <row r="87" spans="2:6" s="4" customFormat="1" ht="29.25" customHeight="1" x14ac:dyDescent="0.25">
      <c r="B87" s="62" t="s">
        <v>347</v>
      </c>
      <c r="C87" s="61" t="s">
        <v>444</v>
      </c>
      <c r="D87" s="60"/>
      <c r="E87" s="192"/>
      <c r="F87" s="193"/>
    </row>
    <row r="88" spans="2:6" s="4" customFormat="1" ht="29.25" customHeight="1" x14ac:dyDescent="0.25">
      <c r="B88" s="115" t="s">
        <v>136</v>
      </c>
      <c r="C88" s="93" t="s">
        <v>125</v>
      </c>
      <c r="D88" s="60"/>
      <c r="E88" s="199"/>
      <c r="F88" s="200"/>
    </row>
    <row r="89" spans="2:6" s="4" customFormat="1" ht="41.25" customHeight="1" x14ac:dyDescent="0.25">
      <c r="B89" s="94" t="s">
        <v>139</v>
      </c>
      <c r="C89" s="2" t="s">
        <v>137</v>
      </c>
      <c r="D89" s="60"/>
      <c r="E89" s="199"/>
      <c r="F89" s="200"/>
    </row>
    <row r="90" spans="2:6" s="4" customFormat="1" ht="78" customHeight="1" x14ac:dyDescent="0.25">
      <c r="B90" s="94" t="s">
        <v>140</v>
      </c>
      <c r="C90" s="71" t="s">
        <v>138</v>
      </c>
      <c r="D90" s="60"/>
      <c r="E90" s="199"/>
      <c r="F90" s="200"/>
    </row>
    <row r="91" spans="2:6" s="4" customFormat="1" ht="29.25" customHeight="1" x14ac:dyDescent="0.25">
      <c r="B91" s="94" t="s">
        <v>141</v>
      </c>
      <c r="C91" s="71" t="s">
        <v>429</v>
      </c>
      <c r="D91" s="60"/>
      <c r="E91" s="199"/>
      <c r="F91" s="200"/>
    </row>
    <row r="92" spans="2:6" s="4" customFormat="1" ht="43.5" customHeight="1" x14ac:dyDescent="0.25">
      <c r="B92" s="94" t="s">
        <v>144</v>
      </c>
      <c r="C92" s="71" t="s">
        <v>143</v>
      </c>
      <c r="D92" s="60"/>
      <c r="E92" s="199"/>
      <c r="F92" s="200"/>
    </row>
    <row r="93" spans="2:6" s="4" customFormat="1" ht="43.5" customHeight="1" x14ac:dyDescent="0.25">
      <c r="B93" s="94" t="s">
        <v>145</v>
      </c>
      <c r="C93" s="71" t="s">
        <v>142</v>
      </c>
      <c r="D93" s="60"/>
      <c r="E93" s="199"/>
      <c r="F93" s="200"/>
    </row>
    <row r="94" spans="2:6" s="4" customFormat="1" ht="29.25" customHeight="1" x14ac:dyDescent="0.25">
      <c r="B94" s="94" t="s">
        <v>146</v>
      </c>
      <c r="C94" s="71" t="s">
        <v>348</v>
      </c>
      <c r="D94" s="60"/>
      <c r="E94" s="199"/>
      <c r="F94" s="200"/>
    </row>
    <row r="95" spans="2:6" s="4" customFormat="1" ht="54.75" customHeight="1" x14ac:dyDescent="0.25">
      <c r="B95" s="94" t="s">
        <v>147</v>
      </c>
      <c r="C95" s="71" t="s">
        <v>453</v>
      </c>
      <c r="D95" s="60"/>
      <c r="E95" s="199"/>
      <c r="F95" s="200"/>
    </row>
    <row r="96" spans="2:6" s="4" customFormat="1" ht="29.25" customHeight="1" x14ac:dyDescent="0.25">
      <c r="B96" s="115" t="s">
        <v>79</v>
      </c>
      <c r="C96" s="95" t="s">
        <v>148</v>
      </c>
      <c r="D96" s="60"/>
      <c r="E96" s="199"/>
      <c r="F96" s="200"/>
    </row>
    <row r="97" spans="2:6" s="4" customFormat="1" ht="29.25" customHeight="1" x14ac:dyDescent="0.25">
      <c r="B97" s="94" t="s">
        <v>152</v>
      </c>
      <c r="C97" s="71" t="s">
        <v>149</v>
      </c>
      <c r="D97" s="60"/>
      <c r="E97" s="199"/>
      <c r="F97" s="200"/>
    </row>
    <row r="98" spans="2:6" s="4" customFormat="1" ht="29.25" customHeight="1" x14ac:dyDescent="0.25">
      <c r="B98" s="94" t="s">
        <v>153</v>
      </c>
      <c r="C98" s="71" t="s">
        <v>349</v>
      </c>
      <c r="D98" s="60"/>
      <c r="E98" s="199"/>
      <c r="F98" s="200"/>
    </row>
    <row r="99" spans="2:6" s="4" customFormat="1" ht="29.25" customHeight="1" x14ac:dyDescent="0.25">
      <c r="B99" s="94" t="s">
        <v>154</v>
      </c>
      <c r="C99" s="71" t="s">
        <v>350</v>
      </c>
      <c r="D99" s="60"/>
      <c r="E99" s="199"/>
      <c r="F99" s="200"/>
    </row>
    <row r="100" spans="2:6" s="4" customFormat="1" ht="29.25" customHeight="1" x14ac:dyDescent="0.25">
      <c r="B100" s="94" t="s">
        <v>155</v>
      </c>
      <c r="C100" s="71" t="s">
        <v>351</v>
      </c>
      <c r="D100" s="60"/>
      <c r="E100" s="199"/>
      <c r="F100" s="200"/>
    </row>
    <row r="101" spans="2:6" s="4" customFormat="1" ht="29.25" customHeight="1" thickBot="1" x14ac:dyDescent="0.3">
      <c r="B101" s="94" t="s">
        <v>156</v>
      </c>
      <c r="C101" s="71" t="s">
        <v>352</v>
      </c>
      <c r="D101" s="52"/>
      <c r="E101" s="192"/>
      <c r="F101" s="193"/>
    </row>
    <row r="102" spans="2:6" s="4" customFormat="1" ht="29.25" customHeight="1" x14ac:dyDescent="0.25">
      <c r="B102" s="94" t="s">
        <v>157</v>
      </c>
      <c r="C102" s="61" t="s">
        <v>353</v>
      </c>
      <c r="D102" s="81"/>
      <c r="E102" s="240"/>
      <c r="F102" s="241"/>
    </row>
    <row r="103" spans="2:6" s="4" customFormat="1" ht="29.25" customHeight="1" x14ac:dyDescent="0.25">
      <c r="B103" s="94" t="s">
        <v>158</v>
      </c>
      <c r="C103" s="61" t="s">
        <v>354</v>
      </c>
      <c r="D103" s="81"/>
      <c r="E103" s="182"/>
      <c r="F103" s="183"/>
    </row>
    <row r="104" spans="2:6" s="4" customFormat="1" ht="41.25" customHeight="1" x14ac:dyDescent="0.25">
      <c r="B104" s="94" t="s">
        <v>159</v>
      </c>
      <c r="C104" s="61" t="s">
        <v>150</v>
      </c>
      <c r="D104" s="81"/>
      <c r="E104" s="182"/>
      <c r="F104" s="183"/>
    </row>
    <row r="105" spans="2:6" s="4" customFormat="1" ht="29.25" customHeight="1" x14ac:dyDescent="0.25">
      <c r="B105" s="94" t="s">
        <v>160</v>
      </c>
      <c r="C105" s="61" t="s">
        <v>151</v>
      </c>
      <c r="D105" s="81"/>
      <c r="E105" s="182"/>
      <c r="F105" s="183"/>
    </row>
    <row r="106" spans="2:6" s="4" customFormat="1" ht="29.25" customHeight="1" x14ac:dyDescent="0.25">
      <c r="B106" s="62" t="s">
        <v>161</v>
      </c>
      <c r="C106" s="61" t="s">
        <v>454</v>
      </c>
      <c r="D106" s="81"/>
      <c r="E106" s="182"/>
      <c r="F106" s="183"/>
    </row>
    <row r="107" spans="2:6" s="4" customFormat="1" ht="29.25" customHeight="1" x14ac:dyDescent="0.25">
      <c r="B107" s="97" t="s">
        <v>80</v>
      </c>
      <c r="C107" s="96" t="s">
        <v>162</v>
      </c>
      <c r="D107" s="81"/>
      <c r="E107" s="182"/>
      <c r="F107" s="183"/>
    </row>
    <row r="108" spans="2:6" s="4" customFormat="1" ht="40.5" customHeight="1" x14ac:dyDescent="0.25">
      <c r="B108" s="83" t="s">
        <v>164</v>
      </c>
      <c r="C108" s="61" t="s">
        <v>163</v>
      </c>
      <c r="D108" s="81"/>
      <c r="E108" s="182"/>
      <c r="F108" s="183"/>
    </row>
    <row r="109" spans="2:6" s="4" customFormat="1" ht="29.25" customHeight="1" x14ac:dyDescent="0.25">
      <c r="B109" s="83" t="s">
        <v>165</v>
      </c>
      <c r="C109" s="61" t="s">
        <v>355</v>
      </c>
      <c r="D109" s="81"/>
      <c r="E109" s="182"/>
      <c r="F109" s="183"/>
    </row>
    <row r="110" spans="2:6" s="4" customFormat="1" ht="29.25" customHeight="1" x14ac:dyDescent="0.25">
      <c r="B110" s="83" t="s">
        <v>166</v>
      </c>
      <c r="C110" s="61" t="s">
        <v>417</v>
      </c>
      <c r="D110" s="81"/>
      <c r="E110" s="182"/>
      <c r="F110" s="183"/>
    </row>
    <row r="111" spans="2:6" s="4" customFormat="1" ht="29.25" customHeight="1" x14ac:dyDescent="0.25">
      <c r="B111" s="83" t="s">
        <v>167</v>
      </c>
      <c r="C111" s="61" t="s">
        <v>170</v>
      </c>
      <c r="D111" s="81"/>
      <c r="E111" s="182"/>
      <c r="F111" s="183"/>
    </row>
    <row r="112" spans="2:6" s="4" customFormat="1" ht="29.25" customHeight="1" x14ac:dyDescent="0.25">
      <c r="B112" s="83" t="s">
        <v>168</v>
      </c>
      <c r="C112" s="61" t="s">
        <v>356</v>
      </c>
      <c r="D112" s="81"/>
      <c r="E112" s="182"/>
      <c r="F112" s="183"/>
    </row>
    <row r="113" spans="2:6" s="4" customFormat="1" ht="40.5" customHeight="1" x14ac:dyDescent="0.25">
      <c r="B113" s="83" t="s">
        <v>169</v>
      </c>
      <c r="C113" s="61" t="s">
        <v>455</v>
      </c>
      <c r="D113" s="81"/>
      <c r="E113" s="182"/>
      <c r="F113" s="183"/>
    </row>
    <row r="114" spans="2:6" s="4" customFormat="1" ht="29.25" customHeight="1" x14ac:dyDescent="0.25">
      <c r="B114" s="97" t="s">
        <v>81</v>
      </c>
      <c r="C114" s="96" t="s">
        <v>171</v>
      </c>
      <c r="D114" s="81"/>
      <c r="E114" s="182"/>
      <c r="F114" s="183"/>
    </row>
    <row r="115" spans="2:6" s="4" customFormat="1" ht="55.5" customHeight="1" x14ac:dyDescent="0.25">
      <c r="B115" s="83" t="s">
        <v>174</v>
      </c>
      <c r="C115" s="61" t="s">
        <v>456</v>
      </c>
      <c r="D115" s="81"/>
      <c r="E115" s="182"/>
      <c r="F115" s="183"/>
    </row>
    <row r="116" spans="2:6" s="4" customFormat="1" ht="29.25" customHeight="1" x14ac:dyDescent="0.25">
      <c r="B116" s="97" t="s">
        <v>84</v>
      </c>
      <c r="C116" s="96" t="s">
        <v>172</v>
      </c>
      <c r="D116" s="81"/>
      <c r="E116" s="182"/>
      <c r="F116" s="183"/>
    </row>
    <row r="117" spans="2:6" s="4" customFormat="1" ht="29.25" customHeight="1" x14ac:dyDescent="0.25">
      <c r="B117" s="83" t="s">
        <v>175</v>
      </c>
      <c r="C117" s="61" t="s">
        <v>457</v>
      </c>
      <c r="D117" s="81"/>
      <c r="E117" s="182"/>
      <c r="F117" s="183"/>
    </row>
    <row r="118" spans="2:6" s="4" customFormat="1" ht="29.25" customHeight="1" x14ac:dyDescent="0.25">
      <c r="B118" s="83" t="s">
        <v>176</v>
      </c>
      <c r="C118" s="61" t="s">
        <v>173</v>
      </c>
      <c r="D118" s="81"/>
      <c r="E118" s="182"/>
      <c r="F118" s="183"/>
    </row>
    <row r="119" spans="2:6" s="4" customFormat="1" ht="29.25" customHeight="1" x14ac:dyDescent="0.25">
      <c r="B119" s="83" t="s">
        <v>177</v>
      </c>
      <c r="C119" s="61" t="s">
        <v>445</v>
      </c>
      <c r="D119" s="81"/>
      <c r="E119" s="113"/>
      <c r="F119" s="114"/>
    </row>
    <row r="120" spans="2:6" s="4" customFormat="1" ht="29.25" customHeight="1" x14ac:dyDescent="0.25">
      <c r="B120" s="83" t="s">
        <v>178</v>
      </c>
      <c r="C120" s="61" t="s">
        <v>191</v>
      </c>
      <c r="D120" s="81"/>
      <c r="E120" s="182"/>
      <c r="F120" s="183"/>
    </row>
    <row r="121" spans="2:6" s="4" customFormat="1" ht="29.25" customHeight="1" x14ac:dyDescent="0.25">
      <c r="B121" s="83" t="s">
        <v>179</v>
      </c>
      <c r="C121" s="61" t="s">
        <v>192</v>
      </c>
      <c r="D121" s="81"/>
      <c r="E121" s="182"/>
      <c r="F121" s="183"/>
    </row>
    <row r="122" spans="2:6" s="4" customFormat="1" ht="29.25" customHeight="1" x14ac:dyDescent="0.25">
      <c r="B122" s="83" t="s">
        <v>180</v>
      </c>
      <c r="C122" s="61" t="s">
        <v>458</v>
      </c>
      <c r="D122" s="81"/>
      <c r="E122" s="182"/>
      <c r="F122" s="183"/>
    </row>
    <row r="123" spans="2:6" s="4" customFormat="1" ht="29.25" customHeight="1" x14ac:dyDescent="0.25">
      <c r="B123" s="83" t="s">
        <v>181</v>
      </c>
      <c r="C123" s="61" t="s">
        <v>459</v>
      </c>
      <c r="D123" s="81"/>
      <c r="E123" s="87"/>
      <c r="F123" s="88"/>
    </row>
    <row r="124" spans="2:6" s="4" customFormat="1" ht="29.25" customHeight="1" x14ac:dyDescent="0.25">
      <c r="B124" s="83" t="s">
        <v>182</v>
      </c>
      <c r="C124" s="61" t="s">
        <v>460</v>
      </c>
      <c r="D124" s="81"/>
      <c r="E124" s="87"/>
      <c r="F124" s="88"/>
    </row>
    <row r="125" spans="2:6" s="4" customFormat="1" ht="29.25" customHeight="1" x14ac:dyDescent="0.25">
      <c r="B125" s="83" t="s">
        <v>183</v>
      </c>
      <c r="C125" s="61" t="s">
        <v>461</v>
      </c>
      <c r="D125" s="81"/>
      <c r="E125" s="87"/>
      <c r="F125" s="88"/>
    </row>
    <row r="126" spans="2:6" s="4" customFormat="1" ht="29.25" customHeight="1" x14ac:dyDescent="0.25">
      <c r="B126" s="83" t="s">
        <v>184</v>
      </c>
      <c r="C126" s="61" t="s">
        <v>357</v>
      </c>
      <c r="D126" s="81"/>
      <c r="E126" s="87"/>
      <c r="F126" s="88"/>
    </row>
    <row r="127" spans="2:6" s="4" customFormat="1" ht="29.25" customHeight="1" x14ac:dyDescent="0.25">
      <c r="B127" s="83" t="s">
        <v>185</v>
      </c>
      <c r="C127" s="61" t="s">
        <v>462</v>
      </c>
      <c r="D127" s="81"/>
      <c r="E127" s="87"/>
      <c r="F127" s="88"/>
    </row>
    <row r="128" spans="2:6" s="4" customFormat="1" ht="29.25" customHeight="1" x14ac:dyDescent="0.25">
      <c r="B128" s="83" t="s">
        <v>186</v>
      </c>
      <c r="C128" s="61" t="s">
        <v>193</v>
      </c>
      <c r="D128" s="81"/>
      <c r="E128" s="87"/>
      <c r="F128" s="88"/>
    </row>
    <row r="129" spans="2:6" s="4" customFormat="1" ht="29.25" customHeight="1" x14ac:dyDescent="0.25">
      <c r="B129" s="83" t="s">
        <v>187</v>
      </c>
      <c r="C129" s="61" t="s">
        <v>194</v>
      </c>
      <c r="D129" s="81"/>
      <c r="E129" s="87"/>
      <c r="F129" s="88"/>
    </row>
    <row r="130" spans="2:6" s="4" customFormat="1" ht="29.25" customHeight="1" x14ac:dyDescent="0.25">
      <c r="B130" s="83" t="s">
        <v>188</v>
      </c>
      <c r="C130" s="61" t="s">
        <v>195</v>
      </c>
      <c r="D130" s="81"/>
      <c r="E130" s="87"/>
      <c r="F130" s="88"/>
    </row>
    <row r="131" spans="2:6" s="4" customFormat="1" ht="29.25" customHeight="1" x14ac:dyDescent="0.25">
      <c r="B131" s="83" t="s">
        <v>189</v>
      </c>
      <c r="C131" s="61" t="s">
        <v>463</v>
      </c>
      <c r="D131" s="81"/>
      <c r="E131" s="87"/>
      <c r="F131" s="88"/>
    </row>
    <row r="132" spans="2:6" s="4" customFormat="1" ht="29.25" customHeight="1" x14ac:dyDescent="0.25">
      <c r="B132" s="83" t="s">
        <v>190</v>
      </c>
      <c r="C132" s="61" t="s">
        <v>464</v>
      </c>
      <c r="D132" s="81"/>
      <c r="E132" s="87"/>
      <c r="F132" s="88"/>
    </row>
    <row r="133" spans="2:6" s="4" customFormat="1" ht="29.25" customHeight="1" x14ac:dyDescent="0.25">
      <c r="B133" s="83" t="s">
        <v>430</v>
      </c>
      <c r="C133" s="61" t="s">
        <v>358</v>
      </c>
      <c r="D133" s="81"/>
      <c r="E133" s="87"/>
      <c r="F133" s="88"/>
    </row>
    <row r="134" spans="2:6" s="4" customFormat="1" ht="29.25" customHeight="1" x14ac:dyDescent="0.25">
      <c r="B134" s="97" t="s">
        <v>85</v>
      </c>
      <c r="C134" s="96" t="s">
        <v>198</v>
      </c>
      <c r="D134" s="81"/>
      <c r="E134" s="87"/>
      <c r="F134" s="88"/>
    </row>
    <row r="135" spans="2:6" s="4" customFormat="1" ht="29.25" customHeight="1" x14ac:dyDescent="0.25">
      <c r="B135" s="83" t="s">
        <v>409</v>
      </c>
      <c r="C135" s="61" t="s">
        <v>199</v>
      </c>
      <c r="D135" s="81"/>
      <c r="E135" s="87"/>
      <c r="F135" s="88"/>
    </row>
    <row r="136" spans="2:6" s="4" customFormat="1" ht="29.25" customHeight="1" x14ac:dyDescent="0.25">
      <c r="B136" s="83" t="s">
        <v>410</v>
      </c>
      <c r="C136" s="61" t="s">
        <v>200</v>
      </c>
      <c r="D136" s="81"/>
      <c r="E136" s="182"/>
      <c r="F136" s="183"/>
    </row>
    <row r="137" spans="2:6" s="4" customFormat="1" ht="29.25" customHeight="1" x14ac:dyDescent="0.25">
      <c r="B137" s="83" t="s">
        <v>475</v>
      </c>
      <c r="C137" s="61" t="s">
        <v>196</v>
      </c>
      <c r="D137" s="81"/>
      <c r="E137" s="182"/>
      <c r="F137" s="183"/>
    </row>
    <row r="138" spans="2:6" s="4" customFormat="1" ht="29.25" customHeight="1" x14ac:dyDescent="0.25">
      <c r="B138" s="83" t="s">
        <v>476</v>
      </c>
      <c r="C138" s="61" t="s">
        <v>201</v>
      </c>
      <c r="D138" s="81"/>
      <c r="E138" s="182"/>
      <c r="F138" s="183"/>
    </row>
    <row r="139" spans="2:6" s="4" customFormat="1" ht="59.25" customHeight="1" x14ac:dyDescent="0.25">
      <c r="B139" s="83" t="s">
        <v>477</v>
      </c>
      <c r="C139" s="61" t="s">
        <v>418</v>
      </c>
      <c r="D139" s="81"/>
      <c r="E139" s="182"/>
      <c r="F139" s="183"/>
    </row>
    <row r="140" spans="2:6" s="4" customFormat="1" ht="29.25" customHeight="1" x14ac:dyDescent="0.25">
      <c r="B140" s="83" t="s">
        <v>478</v>
      </c>
      <c r="C140" s="61" t="s">
        <v>202</v>
      </c>
      <c r="D140" s="81"/>
      <c r="E140" s="182"/>
      <c r="F140" s="183"/>
    </row>
    <row r="141" spans="2:6" s="4" customFormat="1" ht="29.25" customHeight="1" x14ac:dyDescent="0.25">
      <c r="B141" s="83" t="s">
        <v>479</v>
      </c>
      <c r="C141" s="61" t="s">
        <v>203</v>
      </c>
      <c r="D141" s="81"/>
      <c r="E141" s="182"/>
      <c r="F141" s="183"/>
    </row>
    <row r="142" spans="2:6" s="4" customFormat="1" ht="29.25" customHeight="1" x14ac:dyDescent="0.25">
      <c r="B142" s="83" t="s">
        <v>480</v>
      </c>
      <c r="C142" s="61" t="s">
        <v>197</v>
      </c>
      <c r="D142" s="81"/>
      <c r="E142" s="182"/>
      <c r="F142" s="183"/>
    </row>
    <row r="143" spans="2:6" s="4" customFormat="1" ht="41.25" customHeight="1" x14ac:dyDescent="0.25">
      <c r="B143" s="83" t="s">
        <v>481</v>
      </c>
      <c r="C143" s="61" t="s">
        <v>465</v>
      </c>
      <c r="D143" s="81"/>
      <c r="E143" s="182"/>
      <c r="F143" s="183"/>
    </row>
    <row r="144" spans="2:6" s="4" customFormat="1" ht="29.25" customHeight="1" x14ac:dyDescent="0.25">
      <c r="B144" s="97" t="s">
        <v>86</v>
      </c>
      <c r="C144" s="96" t="s">
        <v>204</v>
      </c>
      <c r="D144" s="81"/>
      <c r="E144" s="85"/>
      <c r="F144" s="86"/>
    </row>
    <row r="145" spans="2:6" s="4" customFormat="1" ht="29.25" customHeight="1" x14ac:dyDescent="0.25">
      <c r="B145" s="83" t="s">
        <v>205</v>
      </c>
      <c r="C145" s="61" t="s">
        <v>359</v>
      </c>
      <c r="D145" s="81"/>
      <c r="E145" s="182"/>
      <c r="F145" s="183"/>
    </row>
    <row r="146" spans="2:6" s="4" customFormat="1" ht="29.25" customHeight="1" x14ac:dyDescent="0.25">
      <c r="B146" s="83" t="s">
        <v>206</v>
      </c>
      <c r="C146" s="61" t="s">
        <v>214</v>
      </c>
      <c r="D146" s="81"/>
      <c r="E146" s="87"/>
      <c r="F146" s="88"/>
    </row>
    <row r="147" spans="2:6" s="4" customFormat="1" ht="29.25" customHeight="1" x14ac:dyDescent="0.25">
      <c r="B147" s="83" t="s">
        <v>207</v>
      </c>
      <c r="C147" s="61" t="s">
        <v>215</v>
      </c>
      <c r="D147" s="81"/>
      <c r="E147" s="87"/>
      <c r="F147" s="88"/>
    </row>
    <row r="148" spans="2:6" s="4" customFormat="1" ht="29.25" customHeight="1" x14ac:dyDescent="0.25">
      <c r="B148" s="83" t="s">
        <v>208</v>
      </c>
      <c r="C148" s="61" t="s">
        <v>216</v>
      </c>
      <c r="D148" s="81"/>
      <c r="E148" s="87"/>
      <c r="F148" s="88"/>
    </row>
    <row r="149" spans="2:6" s="4" customFormat="1" ht="29.25" customHeight="1" x14ac:dyDescent="0.25">
      <c r="B149" s="83" t="s">
        <v>209</v>
      </c>
      <c r="C149" s="61" t="s">
        <v>217</v>
      </c>
      <c r="D149" s="81"/>
      <c r="E149" s="87"/>
      <c r="F149" s="88"/>
    </row>
    <row r="150" spans="2:6" s="4" customFormat="1" ht="29.25" customHeight="1" x14ac:dyDescent="0.25">
      <c r="B150" s="83" t="s">
        <v>210</v>
      </c>
      <c r="C150" s="61" t="s">
        <v>360</v>
      </c>
      <c r="D150" s="81"/>
      <c r="E150" s="87"/>
      <c r="F150" s="88"/>
    </row>
    <row r="151" spans="2:6" s="4" customFormat="1" ht="29.25" customHeight="1" x14ac:dyDescent="0.25">
      <c r="B151" s="83" t="s">
        <v>211</v>
      </c>
      <c r="C151" s="61" t="s">
        <v>218</v>
      </c>
      <c r="D151" s="81"/>
      <c r="E151" s="87"/>
      <c r="F151" s="88"/>
    </row>
    <row r="152" spans="2:6" s="4" customFormat="1" ht="29.25" customHeight="1" x14ac:dyDescent="0.25">
      <c r="B152" s="83" t="s">
        <v>212</v>
      </c>
      <c r="C152" s="61" t="s">
        <v>466</v>
      </c>
      <c r="D152" s="81"/>
      <c r="E152" s="87"/>
      <c r="F152" s="88"/>
    </row>
    <row r="153" spans="2:6" s="4" customFormat="1" ht="39.75" customHeight="1" x14ac:dyDescent="0.25">
      <c r="B153" s="83" t="s">
        <v>213</v>
      </c>
      <c r="C153" s="61" t="s">
        <v>467</v>
      </c>
      <c r="D153" s="81"/>
      <c r="E153" s="87"/>
      <c r="F153" s="88"/>
    </row>
    <row r="154" spans="2:6" s="4" customFormat="1" ht="29.25" customHeight="1" x14ac:dyDescent="0.25">
      <c r="B154" s="97" t="s">
        <v>87</v>
      </c>
      <c r="C154" s="96" t="s">
        <v>431</v>
      </c>
      <c r="D154" s="81"/>
      <c r="E154" s="87"/>
      <c r="F154" s="88"/>
    </row>
    <row r="155" spans="2:6" s="4" customFormat="1" ht="29.25" customHeight="1" x14ac:dyDescent="0.25">
      <c r="B155" s="83" t="s">
        <v>227</v>
      </c>
      <c r="C155" s="61" t="s">
        <v>432</v>
      </c>
      <c r="D155" s="81"/>
      <c r="E155" s="87"/>
      <c r="F155" s="88"/>
    </row>
    <row r="156" spans="2:6" s="4" customFormat="1" ht="64.5" customHeight="1" x14ac:dyDescent="0.25">
      <c r="B156" s="83" t="s">
        <v>228</v>
      </c>
      <c r="C156" s="61" t="s">
        <v>219</v>
      </c>
      <c r="D156" s="81"/>
      <c r="E156" s="87"/>
      <c r="F156" s="88"/>
    </row>
    <row r="157" spans="2:6" s="4" customFormat="1" ht="47.25" customHeight="1" x14ac:dyDescent="0.25">
      <c r="B157" s="83" t="s">
        <v>229</v>
      </c>
      <c r="C157" s="61" t="s">
        <v>420</v>
      </c>
      <c r="D157" s="81"/>
      <c r="E157" s="182"/>
      <c r="F157" s="183"/>
    </row>
    <row r="158" spans="2:6" s="4" customFormat="1" ht="29.25" customHeight="1" x14ac:dyDescent="0.25">
      <c r="B158" s="83" t="s">
        <v>230</v>
      </c>
      <c r="C158" s="61" t="s">
        <v>220</v>
      </c>
      <c r="D158" s="81"/>
      <c r="E158" s="182"/>
      <c r="F158" s="183"/>
    </row>
    <row r="159" spans="2:6" s="4" customFormat="1" ht="29.25" customHeight="1" x14ac:dyDescent="0.25">
      <c r="B159" s="83" t="s">
        <v>231</v>
      </c>
      <c r="C159" s="61" t="s">
        <v>361</v>
      </c>
      <c r="D159" s="81"/>
      <c r="E159" s="182"/>
      <c r="F159" s="183"/>
    </row>
    <row r="160" spans="2:6" s="4" customFormat="1" ht="29.25" customHeight="1" x14ac:dyDescent="0.25">
      <c r="B160" s="83" t="s">
        <v>232</v>
      </c>
      <c r="C160" s="61" t="s">
        <v>419</v>
      </c>
      <c r="D160" s="81"/>
      <c r="E160" s="87"/>
      <c r="F160" s="88"/>
    </row>
    <row r="161" spans="2:6" s="4" customFormat="1" ht="51.75" customHeight="1" x14ac:dyDescent="0.25">
      <c r="B161" s="83" t="s">
        <v>233</v>
      </c>
      <c r="C161" s="61" t="s">
        <v>421</v>
      </c>
      <c r="D161" s="81"/>
      <c r="E161" s="87"/>
      <c r="F161" s="88"/>
    </row>
    <row r="162" spans="2:6" s="4" customFormat="1" ht="29.25" customHeight="1" x14ac:dyDescent="0.25">
      <c r="B162" s="83" t="s">
        <v>234</v>
      </c>
      <c r="C162" s="61" t="s">
        <v>446</v>
      </c>
      <c r="D162" s="81"/>
      <c r="E162" s="87"/>
      <c r="F162" s="88"/>
    </row>
    <row r="163" spans="2:6" s="4" customFormat="1" ht="29.25" customHeight="1" x14ac:dyDescent="0.25">
      <c r="B163" s="83" t="s">
        <v>235</v>
      </c>
      <c r="C163" s="61" t="s">
        <v>221</v>
      </c>
      <c r="D163" s="81"/>
      <c r="E163" s="87"/>
      <c r="F163" s="88"/>
    </row>
    <row r="164" spans="2:6" s="4" customFormat="1" ht="29.25" customHeight="1" x14ac:dyDescent="0.25">
      <c r="B164" s="83" t="s">
        <v>236</v>
      </c>
      <c r="C164" s="61" t="s">
        <v>222</v>
      </c>
      <c r="D164" s="81"/>
      <c r="E164" s="87"/>
      <c r="F164" s="88"/>
    </row>
    <row r="165" spans="2:6" s="4" customFormat="1" ht="29.25" customHeight="1" x14ac:dyDescent="0.25">
      <c r="B165" s="83" t="s">
        <v>237</v>
      </c>
      <c r="C165" s="61" t="s">
        <v>223</v>
      </c>
      <c r="D165" s="81"/>
      <c r="E165" s="87"/>
      <c r="F165" s="88"/>
    </row>
    <row r="166" spans="2:6" s="4" customFormat="1" ht="29.25" customHeight="1" x14ac:dyDescent="0.25">
      <c r="B166" s="83" t="s">
        <v>238</v>
      </c>
      <c r="C166" s="61" t="s">
        <v>224</v>
      </c>
      <c r="D166" s="81"/>
      <c r="E166" s="87"/>
      <c r="F166" s="88"/>
    </row>
    <row r="167" spans="2:6" s="4" customFormat="1" ht="93" customHeight="1" x14ac:dyDescent="0.25">
      <c r="B167" s="83" t="s">
        <v>239</v>
      </c>
      <c r="C167" s="61" t="s">
        <v>225</v>
      </c>
      <c r="D167" s="81"/>
      <c r="E167" s="87"/>
      <c r="F167" s="88"/>
    </row>
    <row r="168" spans="2:6" s="4" customFormat="1" ht="29.25" customHeight="1" x14ac:dyDescent="0.25">
      <c r="B168" s="83" t="s">
        <v>240</v>
      </c>
      <c r="C168" s="61" t="s">
        <v>226</v>
      </c>
      <c r="D168" s="81"/>
      <c r="E168" s="87"/>
      <c r="F168" s="88"/>
    </row>
    <row r="169" spans="2:6" s="4" customFormat="1" ht="42" customHeight="1" x14ac:dyDescent="0.25">
      <c r="B169" s="83" t="s">
        <v>241</v>
      </c>
      <c r="C169" s="61" t="s">
        <v>468</v>
      </c>
      <c r="D169" s="81"/>
      <c r="E169" s="182"/>
      <c r="F169" s="183"/>
    </row>
    <row r="170" spans="2:6" s="4" customFormat="1" ht="29.25" customHeight="1" x14ac:dyDescent="0.25">
      <c r="B170" s="97" t="s">
        <v>88</v>
      </c>
      <c r="C170" s="96" t="s">
        <v>242</v>
      </c>
      <c r="D170" s="81"/>
      <c r="E170" s="182"/>
      <c r="F170" s="183"/>
    </row>
    <row r="171" spans="2:6" s="4" customFormat="1" ht="42" customHeight="1" x14ac:dyDescent="0.25">
      <c r="B171" s="83" t="s">
        <v>247</v>
      </c>
      <c r="C171" s="61" t="s">
        <v>243</v>
      </c>
      <c r="D171" s="81"/>
      <c r="E171" s="182"/>
      <c r="F171" s="183"/>
    </row>
    <row r="172" spans="2:6" s="4" customFormat="1" ht="41.25" customHeight="1" x14ac:dyDescent="0.25">
      <c r="B172" s="83" t="s">
        <v>248</v>
      </c>
      <c r="C172" s="61" t="s">
        <v>244</v>
      </c>
      <c r="D172" s="81"/>
      <c r="E172" s="182"/>
      <c r="F172" s="183"/>
    </row>
    <row r="173" spans="2:6" s="4" customFormat="1" ht="43.5" customHeight="1" x14ac:dyDescent="0.25">
      <c r="B173" s="83" t="s">
        <v>249</v>
      </c>
      <c r="C173" s="61" t="s">
        <v>422</v>
      </c>
      <c r="D173" s="81"/>
      <c r="E173" s="182"/>
      <c r="F173" s="183"/>
    </row>
    <row r="174" spans="2:6" s="4" customFormat="1" ht="53.25" customHeight="1" x14ac:dyDescent="0.25">
      <c r="B174" s="83" t="s">
        <v>250</v>
      </c>
      <c r="C174" s="61" t="s">
        <v>469</v>
      </c>
      <c r="D174" s="81"/>
      <c r="E174" s="182"/>
      <c r="F174" s="183"/>
    </row>
    <row r="175" spans="2:6" s="4" customFormat="1" ht="29.25" customHeight="1" x14ac:dyDescent="0.25">
      <c r="B175" s="97" t="s">
        <v>89</v>
      </c>
      <c r="C175" s="96" t="s">
        <v>245</v>
      </c>
      <c r="D175" s="81"/>
      <c r="E175" s="87"/>
      <c r="F175" s="88"/>
    </row>
    <row r="176" spans="2:6" s="4" customFormat="1" ht="29.25" customHeight="1" x14ac:dyDescent="0.25">
      <c r="B176" s="83" t="s">
        <v>256</v>
      </c>
      <c r="C176" s="61" t="s">
        <v>251</v>
      </c>
      <c r="D176" s="81"/>
      <c r="E176" s="87"/>
      <c r="F176" s="88"/>
    </row>
    <row r="177" spans="2:6" s="4" customFormat="1" ht="29.25" customHeight="1" x14ac:dyDescent="0.25">
      <c r="B177" s="83" t="s">
        <v>257</v>
      </c>
      <c r="C177" s="61" t="s">
        <v>252</v>
      </c>
      <c r="D177" s="81"/>
      <c r="E177" s="87"/>
      <c r="F177" s="88"/>
    </row>
    <row r="178" spans="2:6" s="4" customFormat="1" ht="29.25" customHeight="1" x14ac:dyDescent="0.25">
      <c r="B178" s="83" t="s">
        <v>258</v>
      </c>
      <c r="C178" s="61" t="s">
        <v>246</v>
      </c>
      <c r="D178" s="81"/>
      <c r="E178" s="87"/>
      <c r="F178" s="88"/>
    </row>
    <row r="179" spans="2:6" s="4" customFormat="1" ht="29.25" customHeight="1" x14ac:dyDescent="0.25">
      <c r="B179" s="83" t="s">
        <v>259</v>
      </c>
      <c r="C179" s="61" t="s">
        <v>253</v>
      </c>
      <c r="D179" s="81"/>
      <c r="E179" s="87"/>
      <c r="F179" s="88"/>
    </row>
    <row r="180" spans="2:6" s="4" customFormat="1" ht="29.25" customHeight="1" x14ac:dyDescent="0.25">
      <c r="B180" s="83" t="s">
        <v>260</v>
      </c>
      <c r="C180" s="61" t="s">
        <v>254</v>
      </c>
      <c r="D180" s="81"/>
      <c r="E180" s="87"/>
      <c r="F180" s="88"/>
    </row>
    <row r="181" spans="2:6" s="4" customFormat="1" ht="29.25" customHeight="1" x14ac:dyDescent="0.25">
      <c r="B181" s="83" t="s">
        <v>261</v>
      </c>
      <c r="C181" s="61" t="s">
        <v>255</v>
      </c>
      <c r="D181" s="81"/>
      <c r="E181" s="87"/>
      <c r="F181" s="88"/>
    </row>
    <row r="182" spans="2:6" s="4" customFormat="1" ht="39" customHeight="1" x14ac:dyDescent="0.25">
      <c r="B182" s="83" t="s">
        <v>262</v>
      </c>
      <c r="C182" s="61" t="s">
        <v>470</v>
      </c>
      <c r="D182" s="81"/>
      <c r="E182" s="87"/>
      <c r="F182" s="88"/>
    </row>
    <row r="183" spans="2:6" s="4" customFormat="1" ht="29.25" customHeight="1" x14ac:dyDescent="0.25">
      <c r="B183" s="97" t="s">
        <v>90</v>
      </c>
      <c r="C183" s="96" t="s">
        <v>263</v>
      </c>
      <c r="D183" s="81"/>
      <c r="E183" s="87"/>
      <c r="F183" s="88"/>
    </row>
    <row r="184" spans="2:6" s="4" customFormat="1" ht="29.25" customHeight="1" x14ac:dyDescent="0.25">
      <c r="B184" s="83" t="s">
        <v>482</v>
      </c>
      <c r="C184" s="61" t="s">
        <v>265</v>
      </c>
      <c r="D184" s="81"/>
      <c r="E184" s="87"/>
      <c r="F184" s="88"/>
    </row>
    <row r="185" spans="2:6" s="4" customFormat="1" ht="29.25" customHeight="1" x14ac:dyDescent="0.25">
      <c r="B185" s="83" t="s">
        <v>483</v>
      </c>
      <c r="C185" s="61" t="s">
        <v>264</v>
      </c>
      <c r="D185" s="81"/>
      <c r="E185" s="87"/>
      <c r="F185" s="88"/>
    </row>
    <row r="186" spans="2:6" s="4" customFormat="1" ht="29.25" customHeight="1" x14ac:dyDescent="0.25">
      <c r="B186" s="83" t="s">
        <v>484</v>
      </c>
      <c r="C186" s="61" t="s">
        <v>471</v>
      </c>
      <c r="D186" s="81"/>
      <c r="E186" s="87"/>
      <c r="F186" s="88"/>
    </row>
    <row r="187" spans="2:6" s="4" customFormat="1" ht="29.25" customHeight="1" x14ac:dyDescent="0.25">
      <c r="B187" s="97" t="s">
        <v>91</v>
      </c>
      <c r="C187" s="96" t="s">
        <v>267</v>
      </c>
      <c r="D187" s="81"/>
      <c r="E187" s="87"/>
      <c r="F187" s="88"/>
    </row>
    <row r="188" spans="2:6" s="4" customFormat="1" ht="78" customHeight="1" x14ac:dyDescent="0.25">
      <c r="B188" s="83" t="s">
        <v>268</v>
      </c>
      <c r="C188" s="61" t="s">
        <v>269</v>
      </c>
      <c r="D188" s="81"/>
      <c r="E188" s="87"/>
      <c r="F188" s="88"/>
    </row>
    <row r="189" spans="2:6" s="4" customFormat="1" ht="53.25" customHeight="1" x14ac:dyDescent="0.25">
      <c r="B189" s="83" t="s">
        <v>270</v>
      </c>
      <c r="C189" s="61" t="s">
        <v>433</v>
      </c>
      <c r="D189" s="81"/>
      <c r="E189" s="87"/>
      <c r="F189" s="88"/>
    </row>
    <row r="190" spans="2:6" s="4" customFormat="1" ht="29.25" customHeight="1" x14ac:dyDescent="0.25">
      <c r="B190" s="82" t="s">
        <v>271</v>
      </c>
      <c r="C190" s="61" t="s">
        <v>434</v>
      </c>
      <c r="D190" s="81"/>
      <c r="E190" s="87"/>
      <c r="F190" s="88"/>
    </row>
    <row r="191" spans="2:6" s="4" customFormat="1" ht="45.75" customHeight="1" x14ac:dyDescent="0.25">
      <c r="B191" s="82" t="s">
        <v>273</v>
      </c>
      <c r="C191" s="61" t="s">
        <v>272</v>
      </c>
      <c r="D191" s="81"/>
      <c r="E191" s="87"/>
      <c r="F191" s="88"/>
    </row>
    <row r="192" spans="2:6" s="4" customFormat="1" ht="29.25" customHeight="1" x14ac:dyDescent="0.25">
      <c r="B192" s="82" t="s">
        <v>274</v>
      </c>
      <c r="C192" s="61" t="s">
        <v>472</v>
      </c>
      <c r="D192" s="81"/>
      <c r="E192" s="87"/>
      <c r="F192" s="88"/>
    </row>
    <row r="193" spans="2:6" s="4" customFormat="1" ht="79.5" customHeight="1" x14ac:dyDescent="0.25">
      <c r="B193" s="82" t="s">
        <v>275</v>
      </c>
      <c r="C193" s="61" t="s">
        <v>473</v>
      </c>
      <c r="D193" s="81"/>
      <c r="E193" s="87"/>
      <c r="F193" s="88"/>
    </row>
    <row r="194" spans="2:6" s="4" customFormat="1" ht="29.25" customHeight="1" x14ac:dyDescent="0.25">
      <c r="B194" s="83" t="s">
        <v>276</v>
      </c>
      <c r="C194" s="98" t="s">
        <v>266</v>
      </c>
      <c r="D194" s="81"/>
      <c r="E194" s="87"/>
      <c r="F194" s="88"/>
    </row>
    <row r="195" spans="2:6" s="4" customFormat="1" ht="29.25" customHeight="1" x14ac:dyDescent="0.25">
      <c r="B195" s="82" t="s">
        <v>278</v>
      </c>
      <c r="C195" s="61" t="s">
        <v>277</v>
      </c>
      <c r="D195" s="81"/>
      <c r="E195" s="87"/>
      <c r="F195" s="88"/>
    </row>
    <row r="196" spans="2:6" s="4" customFormat="1" ht="29.25" customHeight="1" x14ac:dyDescent="0.25">
      <c r="B196" s="82" t="s">
        <v>281</v>
      </c>
      <c r="C196" s="61" t="s">
        <v>435</v>
      </c>
      <c r="D196" s="81"/>
      <c r="E196" s="87"/>
      <c r="F196" s="88"/>
    </row>
    <row r="197" spans="2:6" s="4" customFormat="1" ht="29.25" customHeight="1" x14ac:dyDescent="0.25">
      <c r="B197" s="82" t="s">
        <v>282</v>
      </c>
      <c r="C197" s="61" t="s">
        <v>279</v>
      </c>
      <c r="D197" s="81"/>
      <c r="E197" s="87"/>
      <c r="F197" s="88"/>
    </row>
    <row r="198" spans="2:6" s="4" customFormat="1" ht="29.25" customHeight="1" x14ac:dyDescent="0.25">
      <c r="B198" s="82" t="s">
        <v>283</v>
      </c>
      <c r="C198" s="61" t="s">
        <v>280</v>
      </c>
      <c r="D198" s="81"/>
      <c r="E198" s="87"/>
      <c r="F198" s="88"/>
    </row>
    <row r="199" spans="2:6" s="4" customFormat="1" ht="29.25" customHeight="1" x14ac:dyDescent="0.25">
      <c r="B199" s="82" t="s">
        <v>284</v>
      </c>
      <c r="C199" s="61" t="s">
        <v>447</v>
      </c>
      <c r="D199" s="81"/>
      <c r="E199" s="182"/>
      <c r="F199" s="183"/>
    </row>
    <row r="200" spans="2:6" s="4" customFormat="1" ht="29.25" customHeight="1" x14ac:dyDescent="0.25">
      <c r="B200" s="83" t="s">
        <v>286</v>
      </c>
      <c r="C200" s="98" t="s">
        <v>285</v>
      </c>
      <c r="D200" s="81"/>
      <c r="E200" s="87"/>
      <c r="F200" s="88"/>
    </row>
    <row r="201" spans="2:6" s="4" customFormat="1" ht="29.25" customHeight="1" x14ac:dyDescent="0.25">
      <c r="B201" s="82" t="s">
        <v>289</v>
      </c>
      <c r="C201" s="61" t="s">
        <v>436</v>
      </c>
      <c r="D201" s="81"/>
      <c r="E201" s="87"/>
      <c r="F201" s="88"/>
    </row>
    <row r="202" spans="2:6" s="4" customFormat="1" ht="29.25" customHeight="1" x14ac:dyDescent="0.25">
      <c r="B202" s="82" t="s">
        <v>290</v>
      </c>
      <c r="C202" s="61" t="s">
        <v>287</v>
      </c>
      <c r="D202" s="81"/>
      <c r="E202" s="87"/>
      <c r="F202" s="88"/>
    </row>
    <row r="203" spans="2:6" s="4" customFormat="1" ht="29.25" customHeight="1" x14ac:dyDescent="0.25">
      <c r="B203" s="82" t="s">
        <v>291</v>
      </c>
      <c r="C203" s="61" t="s">
        <v>437</v>
      </c>
      <c r="D203" s="81"/>
      <c r="E203" s="87"/>
      <c r="F203" s="88"/>
    </row>
    <row r="204" spans="2:6" s="4" customFormat="1" ht="29.25" customHeight="1" x14ac:dyDescent="0.25">
      <c r="B204" s="82" t="s">
        <v>292</v>
      </c>
      <c r="C204" s="61" t="s">
        <v>288</v>
      </c>
      <c r="D204" s="81"/>
      <c r="E204" s="87"/>
      <c r="F204" s="88"/>
    </row>
    <row r="205" spans="2:6" s="4" customFormat="1" ht="29.25" customHeight="1" x14ac:dyDescent="0.25">
      <c r="B205" s="82" t="s">
        <v>293</v>
      </c>
      <c r="C205" s="61" t="s">
        <v>556</v>
      </c>
      <c r="D205" s="81"/>
      <c r="E205" s="87"/>
      <c r="F205" s="88"/>
    </row>
    <row r="206" spans="2:6" s="4" customFormat="1" ht="29.25" customHeight="1" x14ac:dyDescent="0.25">
      <c r="B206" s="82" t="s">
        <v>294</v>
      </c>
      <c r="C206" s="61" t="s">
        <v>474</v>
      </c>
      <c r="D206" s="81"/>
      <c r="E206" s="87"/>
      <c r="F206" s="88"/>
    </row>
    <row r="207" spans="2:6" s="4" customFormat="1" ht="29.25" customHeight="1" x14ac:dyDescent="0.25">
      <c r="B207" s="97" t="s">
        <v>92</v>
      </c>
      <c r="C207" s="96" t="s">
        <v>295</v>
      </c>
      <c r="D207" s="81"/>
      <c r="E207" s="87"/>
      <c r="F207" s="88"/>
    </row>
    <row r="208" spans="2:6" s="4" customFormat="1" ht="145.5" customHeight="1" x14ac:dyDescent="0.25">
      <c r="B208" s="83" t="s">
        <v>448</v>
      </c>
      <c r="C208" s="61" t="s">
        <v>449</v>
      </c>
      <c r="D208" s="81"/>
      <c r="E208" s="87"/>
      <c r="F208" s="88"/>
    </row>
    <row r="209" spans="2:6" s="4" customFormat="1" ht="29.25" customHeight="1" x14ac:dyDescent="0.25">
      <c r="B209" s="97" t="s">
        <v>298</v>
      </c>
      <c r="C209" s="96" t="s">
        <v>296</v>
      </c>
      <c r="D209" s="81"/>
      <c r="E209" s="87"/>
      <c r="F209" s="88"/>
    </row>
    <row r="210" spans="2:6" s="4" customFormat="1" ht="134.25" customHeight="1" x14ac:dyDescent="0.25">
      <c r="B210" s="83" t="s">
        <v>306</v>
      </c>
      <c r="C210" s="61" t="s">
        <v>450</v>
      </c>
      <c r="D210" s="81"/>
      <c r="E210" s="87"/>
      <c r="F210" s="88"/>
    </row>
    <row r="211" spans="2:6" s="4" customFormat="1" ht="29.25" customHeight="1" x14ac:dyDescent="0.25">
      <c r="B211" s="83" t="s">
        <v>307</v>
      </c>
      <c r="C211" s="61" t="s">
        <v>299</v>
      </c>
      <c r="D211" s="81"/>
      <c r="E211" s="87"/>
      <c r="F211" s="88"/>
    </row>
    <row r="212" spans="2:6" s="4" customFormat="1" ht="29.25" customHeight="1" x14ac:dyDescent="0.25">
      <c r="B212" s="83" t="s">
        <v>308</v>
      </c>
      <c r="C212" s="61" t="s">
        <v>300</v>
      </c>
      <c r="D212" s="81"/>
      <c r="E212" s="87"/>
      <c r="F212" s="88"/>
    </row>
    <row r="213" spans="2:6" s="4" customFormat="1" ht="29.25" customHeight="1" x14ac:dyDescent="0.25">
      <c r="B213" s="83" t="s">
        <v>309</v>
      </c>
      <c r="C213" s="61" t="s">
        <v>423</v>
      </c>
      <c r="D213" s="81"/>
      <c r="E213" s="87"/>
      <c r="F213" s="88"/>
    </row>
    <row r="214" spans="2:6" s="4" customFormat="1" ht="29.25" customHeight="1" x14ac:dyDescent="0.25">
      <c r="B214" s="83" t="s">
        <v>310</v>
      </c>
      <c r="C214" s="61" t="s">
        <v>301</v>
      </c>
      <c r="D214" s="81"/>
      <c r="E214" s="87"/>
      <c r="F214" s="88"/>
    </row>
    <row r="215" spans="2:6" s="4" customFormat="1" ht="29.25" customHeight="1" x14ac:dyDescent="0.25">
      <c r="B215" s="83" t="s">
        <v>311</v>
      </c>
      <c r="C215" s="61" t="s">
        <v>438</v>
      </c>
      <c r="D215" s="81"/>
      <c r="E215" s="87"/>
      <c r="F215" s="88"/>
    </row>
    <row r="216" spans="2:6" s="4" customFormat="1" ht="29.25" customHeight="1" x14ac:dyDescent="0.25">
      <c r="B216" s="83" t="s">
        <v>312</v>
      </c>
      <c r="C216" s="61" t="s">
        <v>439</v>
      </c>
      <c r="D216" s="81"/>
      <c r="E216" s="87"/>
      <c r="F216" s="88"/>
    </row>
    <row r="217" spans="2:6" s="4" customFormat="1" ht="29.25" customHeight="1" x14ac:dyDescent="0.25">
      <c r="B217" s="83" t="s">
        <v>313</v>
      </c>
      <c r="C217" s="61" t="s">
        <v>440</v>
      </c>
      <c r="D217" s="81"/>
      <c r="E217" s="87"/>
      <c r="F217" s="88"/>
    </row>
    <row r="218" spans="2:6" s="4" customFormat="1" ht="29.25" customHeight="1" x14ac:dyDescent="0.25">
      <c r="B218" s="83" t="s">
        <v>314</v>
      </c>
      <c r="C218" s="61" t="s">
        <v>301</v>
      </c>
      <c r="D218" s="81"/>
      <c r="E218" s="87"/>
      <c r="F218" s="88"/>
    </row>
    <row r="219" spans="2:6" s="4" customFormat="1" ht="29.25" customHeight="1" x14ac:dyDescent="0.25">
      <c r="B219" s="83" t="s">
        <v>315</v>
      </c>
      <c r="C219" s="61" t="s">
        <v>302</v>
      </c>
      <c r="D219" s="81"/>
      <c r="E219" s="87"/>
      <c r="F219" s="88"/>
    </row>
    <row r="220" spans="2:6" s="4" customFormat="1" ht="29.25" customHeight="1" x14ac:dyDescent="0.25">
      <c r="B220" s="83" t="s">
        <v>316</v>
      </c>
      <c r="C220" s="61" t="s">
        <v>303</v>
      </c>
      <c r="D220" s="81"/>
      <c r="E220" s="87"/>
      <c r="F220" s="88"/>
    </row>
    <row r="221" spans="2:6" s="4" customFormat="1" ht="29.25" customHeight="1" x14ac:dyDescent="0.25">
      <c r="B221" s="83" t="s">
        <v>317</v>
      </c>
      <c r="C221" s="61" t="s">
        <v>423</v>
      </c>
      <c r="D221" s="81"/>
      <c r="E221" s="87"/>
      <c r="F221" s="88"/>
    </row>
    <row r="222" spans="2:6" s="4" customFormat="1" ht="29.25" customHeight="1" x14ac:dyDescent="0.25">
      <c r="B222" s="83" t="s">
        <v>318</v>
      </c>
      <c r="C222" s="61" t="s">
        <v>301</v>
      </c>
      <c r="D222" s="81"/>
      <c r="E222" s="87"/>
      <c r="F222" s="88"/>
    </row>
    <row r="223" spans="2:6" s="4" customFormat="1" ht="29.25" customHeight="1" x14ac:dyDescent="0.25">
      <c r="B223" s="83" t="s">
        <v>319</v>
      </c>
      <c r="C223" s="61" t="s">
        <v>304</v>
      </c>
      <c r="D223" s="81"/>
      <c r="E223" s="87"/>
      <c r="F223" s="88"/>
    </row>
    <row r="224" spans="2:6" s="4" customFormat="1" ht="29.25" customHeight="1" x14ac:dyDescent="0.25">
      <c r="B224" s="83" t="s">
        <v>320</v>
      </c>
      <c r="C224" s="61" t="s">
        <v>297</v>
      </c>
      <c r="D224" s="81"/>
      <c r="E224" s="87"/>
      <c r="F224" s="88"/>
    </row>
    <row r="225" spans="2:6" s="4" customFormat="1" ht="29.25" customHeight="1" x14ac:dyDescent="0.25">
      <c r="B225" s="83" t="s">
        <v>321</v>
      </c>
      <c r="C225" s="61" t="s">
        <v>305</v>
      </c>
      <c r="D225" s="81"/>
      <c r="E225" s="87"/>
      <c r="F225" s="88"/>
    </row>
    <row r="226" spans="2:6" s="4" customFormat="1" ht="30.75" customHeight="1" x14ac:dyDescent="0.25">
      <c r="B226" s="97" t="s">
        <v>323</v>
      </c>
      <c r="C226" s="96" t="s">
        <v>322</v>
      </c>
      <c r="D226" s="81"/>
      <c r="E226" s="87"/>
      <c r="F226" s="88"/>
    </row>
    <row r="227" spans="2:6" s="4" customFormat="1" ht="65.25" customHeight="1" x14ac:dyDescent="0.25">
      <c r="B227" s="83" t="s">
        <v>324</v>
      </c>
      <c r="C227" s="61" t="s">
        <v>424</v>
      </c>
      <c r="D227" s="81"/>
      <c r="E227" s="89"/>
      <c r="F227" s="90"/>
    </row>
    <row r="228" spans="2:6" s="4" customFormat="1" ht="29.25" customHeight="1" x14ac:dyDescent="0.25">
      <c r="B228" s="83" t="s">
        <v>325</v>
      </c>
      <c r="C228" s="98" t="s">
        <v>425</v>
      </c>
      <c r="D228" s="81"/>
      <c r="E228" s="89"/>
      <c r="F228" s="90"/>
    </row>
    <row r="229" spans="2:6" s="4" customFormat="1" ht="31.5" customHeight="1" x14ac:dyDescent="0.25">
      <c r="B229" s="82" t="s">
        <v>327</v>
      </c>
      <c r="C229" s="61" t="s">
        <v>364</v>
      </c>
      <c r="D229" s="81"/>
      <c r="E229" s="89"/>
      <c r="F229" s="90"/>
    </row>
    <row r="230" spans="2:6" s="4" customFormat="1" ht="34.5" customHeight="1" x14ac:dyDescent="0.25">
      <c r="B230" s="82" t="s">
        <v>328</v>
      </c>
      <c r="C230" s="61" t="s">
        <v>326</v>
      </c>
      <c r="D230" s="77"/>
      <c r="E230" s="118"/>
      <c r="F230" s="119"/>
    </row>
    <row r="231" spans="2:6" s="4" customFormat="1" ht="34.5" customHeight="1" x14ac:dyDescent="0.25">
      <c r="B231" s="184" t="s">
        <v>541</v>
      </c>
      <c r="C231" s="185"/>
      <c r="D231" s="185"/>
      <c r="E231" s="185"/>
      <c r="F231" s="186"/>
    </row>
    <row r="232" spans="2:6" s="4" customFormat="1" ht="32.1" customHeight="1" x14ac:dyDescent="0.25">
      <c r="B232" s="158" t="s">
        <v>14</v>
      </c>
      <c r="C232" s="159" t="s">
        <v>542</v>
      </c>
      <c r="D232" s="160"/>
      <c r="E232" s="161"/>
      <c r="F232" s="162"/>
    </row>
    <row r="233" spans="2:6" s="4" customFormat="1" ht="32.1" customHeight="1" x14ac:dyDescent="0.25">
      <c r="B233" s="158" t="s">
        <v>54</v>
      </c>
      <c r="C233" s="159" t="s">
        <v>543</v>
      </c>
      <c r="D233" s="160"/>
      <c r="E233" s="161"/>
      <c r="F233" s="162"/>
    </row>
    <row r="234" spans="2:6" s="4" customFormat="1" ht="32.1" customHeight="1" x14ac:dyDescent="0.25">
      <c r="B234" s="158" t="s">
        <v>55</v>
      </c>
      <c r="C234" s="159" t="s">
        <v>544</v>
      </c>
      <c r="D234" s="160"/>
      <c r="E234" s="161"/>
      <c r="F234" s="162"/>
    </row>
    <row r="235" spans="2:6" s="4" customFormat="1" ht="32.1" customHeight="1" x14ac:dyDescent="0.25">
      <c r="B235" s="158" t="s">
        <v>56</v>
      </c>
      <c r="C235" s="159" t="s">
        <v>545</v>
      </c>
      <c r="D235" s="160"/>
      <c r="E235" s="161"/>
      <c r="F235" s="162"/>
    </row>
    <row r="236" spans="2:6" s="4" customFormat="1" ht="32.1" customHeight="1" x14ac:dyDescent="0.25">
      <c r="B236" s="158" t="s">
        <v>57</v>
      </c>
      <c r="C236" s="159" t="s">
        <v>546</v>
      </c>
      <c r="D236" s="160"/>
      <c r="E236" s="161"/>
      <c r="F236" s="162"/>
    </row>
    <row r="237" spans="2:6" s="4" customFormat="1" ht="32.1" customHeight="1" x14ac:dyDescent="0.25">
      <c r="B237" s="158" t="s">
        <v>58</v>
      </c>
      <c r="C237" s="159" t="s">
        <v>547</v>
      </c>
      <c r="D237" s="160"/>
      <c r="E237" s="161"/>
      <c r="F237" s="162"/>
    </row>
    <row r="238" spans="2:6" s="4" customFormat="1" ht="32.1" customHeight="1" x14ac:dyDescent="0.25">
      <c r="B238" s="158" t="s">
        <v>64</v>
      </c>
      <c r="C238" s="159" t="s">
        <v>548</v>
      </c>
      <c r="D238" s="160"/>
      <c r="E238" s="161"/>
      <c r="F238" s="162"/>
    </row>
    <row r="239" spans="2:6" s="4" customFormat="1" ht="32.1" customHeight="1" x14ac:dyDescent="0.25">
      <c r="B239" s="158" t="s">
        <v>59</v>
      </c>
      <c r="C239" s="159" t="s">
        <v>549</v>
      </c>
      <c r="D239" s="160"/>
      <c r="E239" s="161"/>
      <c r="F239" s="162"/>
    </row>
    <row r="240" spans="2:6" s="4" customFormat="1" ht="32.1" customHeight="1" x14ac:dyDescent="0.25">
      <c r="B240" s="158" t="s">
        <v>60</v>
      </c>
      <c r="C240" s="159" t="s">
        <v>550</v>
      </c>
      <c r="D240" s="160"/>
      <c r="E240" s="161"/>
      <c r="F240" s="162"/>
    </row>
    <row r="241" spans="2:6" s="4" customFormat="1" ht="32.1" customHeight="1" x14ac:dyDescent="0.25">
      <c r="B241" s="158" t="s">
        <v>61</v>
      </c>
      <c r="C241" s="159" t="s">
        <v>551</v>
      </c>
      <c r="D241" s="160"/>
      <c r="E241" s="161"/>
      <c r="F241" s="162"/>
    </row>
    <row r="242" spans="2:6" s="4" customFormat="1" ht="32.1" customHeight="1" x14ac:dyDescent="0.25">
      <c r="B242" s="158" t="s">
        <v>62</v>
      </c>
      <c r="C242" s="163" t="s">
        <v>552</v>
      </c>
      <c r="D242" s="160"/>
      <c r="E242" s="161"/>
      <c r="F242" s="162"/>
    </row>
    <row r="243" spans="2:6" s="4" customFormat="1" ht="32.1" customHeight="1" thickBot="1" x14ac:dyDescent="0.3">
      <c r="B243" s="164" t="s">
        <v>65</v>
      </c>
      <c r="C243" s="165" t="s">
        <v>553</v>
      </c>
      <c r="D243" s="168"/>
      <c r="E243" s="166"/>
      <c r="F243" s="167"/>
    </row>
    <row r="244" spans="2:6" s="2" customFormat="1" ht="20.100000000000001" customHeight="1" x14ac:dyDescent="0.25">
      <c r="B244" s="194" t="s">
        <v>45</v>
      </c>
      <c r="C244" s="194"/>
      <c r="D244" s="194"/>
      <c r="E244" s="194"/>
      <c r="F244" s="194"/>
    </row>
    <row r="245" spans="2:6" s="2" customFormat="1" ht="5.0999999999999996" customHeight="1" thickBot="1" x14ac:dyDescent="0.3">
      <c r="B245" s="15"/>
      <c r="C245" s="3"/>
      <c r="D245" s="6"/>
      <c r="E245" s="6"/>
      <c r="F245" s="6"/>
    </row>
    <row r="246" spans="2:6" s="3" customFormat="1" ht="87.75" customHeight="1" x14ac:dyDescent="0.25">
      <c r="B246" s="195" t="s">
        <v>7</v>
      </c>
      <c r="C246" s="242"/>
      <c r="D246" s="205" t="s">
        <v>28</v>
      </c>
      <c r="E246" s="206"/>
      <c r="F246" s="207"/>
    </row>
    <row r="247" spans="2:6" s="3" customFormat="1" ht="30" customHeight="1" thickBot="1" x14ac:dyDescent="0.3">
      <c r="B247" s="243"/>
      <c r="C247" s="244"/>
      <c r="D247" s="23" t="s">
        <v>6</v>
      </c>
      <c r="E247" s="208" t="s">
        <v>29</v>
      </c>
      <c r="F247" s="209"/>
    </row>
    <row r="248" spans="2:6" s="2" customFormat="1" ht="34.5" customHeight="1" x14ac:dyDescent="0.25">
      <c r="B248" s="176" t="s">
        <v>494</v>
      </c>
      <c r="C248" s="177"/>
      <c r="D248" s="44"/>
      <c r="E248" s="178"/>
      <c r="F248" s="179"/>
    </row>
    <row r="249" spans="2:6" s="2" customFormat="1" ht="24.95" customHeight="1" x14ac:dyDescent="0.25">
      <c r="B249" s="78" t="s">
        <v>14</v>
      </c>
      <c r="C249" s="73" t="s">
        <v>372</v>
      </c>
      <c r="D249" s="44"/>
      <c r="E249" s="174"/>
      <c r="F249" s="175"/>
    </row>
    <row r="250" spans="2:6" s="2" customFormat="1" ht="24.95" customHeight="1" x14ac:dyDescent="0.25">
      <c r="B250" s="135" t="s">
        <v>54</v>
      </c>
      <c r="C250" s="136" t="s">
        <v>373</v>
      </c>
      <c r="D250" s="44"/>
      <c r="E250" s="174"/>
      <c r="F250" s="175"/>
    </row>
    <row r="251" spans="2:6" s="2" customFormat="1" ht="40.5" customHeight="1" x14ac:dyDescent="0.25">
      <c r="B251" s="137" t="s">
        <v>397</v>
      </c>
      <c r="C251" s="138" t="s">
        <v>495</v>
      </c>
      <c r="D251" s="44"/>
      <c r="E251" s="74"/>
      <c r="F251" s="75"/>
    </row>
    <row r="252" spans="2:6" s="2" customFormat="1" ht="26.25" customHeight="1" x14ac:dyDescent="0.25">
      <c r="B252" s="137" t="s">
        <v>398</v>
      </c>
      <c r="C252" s="138" t="s">
        <v>374</v>
      </c>
      <c r="D252" s="44"/>
      <c r="E252" s="74"/>
      <c r="F252" s="75"/>
    </row>
    <row r="253" spans="2:6" s="2" customFormat="1" ht="24.95" customHeight="1" x14ac:dyDescent="0.25">
      <c r="B253" s="137" t="s">
        <v>399</v>
      </c>
      <c r="C253" s="138" t="s">
        <v>375</v>
      </c>
      <c r="D253" s="44"/>
      <c r="E253" s="74"/>
      <c r="F253" s="75"/>
    </row>
    <row r="254" spans="2:6" s="2" customFormat="1" ht="48" customHeight="1" x14ac:dyDescent="0.25">
      <c r="B254" s="137" t="s">
        <v>400</v>
      </c>
      <c r="C254" s="138" t="s">
        <v>376</v>
      </c>
      <c r="D254" s="44"/>
      <c r="E254" s="74"/>
      <c r="F254" s="75"/>
    </row>
    <row r="255" spans="2:6" s="2" customFormat="1" ht="47.25" customHeight="1" x14ac:dyDescent="0.25">
      <c r="B255" s="137" t="s">
        <v>401</v>
      </c>
      <c r="C255" s="138" t="s">
        <v>377</v>
      </c>
      <c r="D255" s="44"/>
      <c r="E255" s="74"/>
      <c r="F255" s="75"/>
    </row>
    <row r="256" spans="2:6" s="2" customFormat="1" ht="103.5" customHeight="1" x14ac:dyDescent="0.25">
      <c r="B256" s="139" t="s">
        <v>402</v>
      </c>
      <c r="C256" s="140" t="s">
        <v>378</v>
      </c>
      <c r="D256" s="44"/>
      <c r="E256" s="74"/>
      <c r="F256" s="75"/>
    </row>
    <row r="257" spans="2:6" s="2" customFormat="1" ht="82.5" customHeight="1" x14ac:dyDescent="0.25">
      <c r="B257" s="43" t="s">
        <v>55</v>
      </c>
      <c r="C257" s="141" t="s">
        <v>496</v>
      </c>
      <c r="D257" s="44"/>
      <c r="E257" s="74"/>
      <c r="F257" s="75"/>
    </row>
    <row r="258" spans="2:6" s="2" customFormat="1" ht="80.25" customHeight="1" x14ac:dyDescent="0.25">
      <c r="B258" s="43" t="s">
        <v>56</v>
      </c>
      <c r="C258" s="141" t="s">
        <v>379</v>
      </c>
      <c r="D258" s="44"/>
      <c r="E258" s="74"/>
      <c r="F258" s="75"/>
    </row>
    <row r="259" spans="2:6" s="2" customFormat="1" ht="84.75" customHeight="1" x14ac:dyDescent="0.25">
      <c r="B259" s="43" t="s">
        <v>57</v>
      </c>
      <c r="C259" s="141" t="s">
        <v>380</v>
      </c>
      <c r="D259" s="44"/>
      <c r="E259" s="74"/>
      <c r="F259" s="75"/>
    </row>
    <row r="260" spans="2:6" s="2" customFormat="1" ht="105" customHeight="1" x14ac:dyDescent="0.25">
      <c r="B260" s="43" t="s">
        <v>58</v>
      </c>
      <c r="C260" s="141" t="s">
        <v>381</v>
      </c>
      <c r="D260" s="44"/>
      <c r="E260" s="74"/>
      <c r="F260" s="75"/>
    </row>
    <row r="261" spans="2:6" s="2" customFormat="1" ht="85.5" customHeight="1" x14ac:dyDescent="0.25">
      <c r="B261" s="43" t="s">
        <v>64</v>
      </c>
      <c r="C261" s="117" t="s">
        <v>382</v>
      </c>
      <c r="D261" s="44"/>
      <c r="E261" s="74"/>
      <c r="F261" s="75"/>
    </row>
    <row r="262" spans="2:6" s="2" customFormat="1" ht="82.5" customHeight="1" x14ac:dyDescent="0.25">
      <c r="B262" s="43" t="s">
        <v>59</v>
      </c>
      <c r="C262" s="141" t="s">
        <v>383</v>
      </c>
      <c r="D262" s="44"/>
      <c r="E262" s="74"/>
      <c r="F262" s="75"/>
    </row>
    <row r="263" spans="2:6" s="2" customFormat="1" ht="21.75" customHeight="1" x14ac:dyDescent="0.25">
      <c r="B263" s="43" t="s">
        <v>60</v>
      </c>
      <c r="C263" s="117" t="s">
        <v>384</v>
      </c>
      <c r="D263" s="44"/>
      <c r="E263" s="74"/>
      <c r="F263" s="75"/>
    </row>
    <row r="264" spans="2:6" s="2" customFormat="1" ht="44.25" customHeight="1" x14ac:dyDescent="0.25">
      <c r="B264" s="43" t="s">
        <v>61</v>
      </c>
      <c r="C264" s="71" t="s">
        <v>385</v>
      </c>
      <c r="D264" s="44"/>
      <c r="E264" s="74"/>
      <c r="F264" s="75"/>
    </row>
    <row r="265" spans="2:6" s="2" customFormat="1" ht="34.5" customHeight="1" x14ac:dyDescent="0.25">
      <c r="B265" s="43" t="s">
        <v>62</v>
      </c>
      <c r="C265" s="142" t="s">
        <v>386</v>
      </c>
      <c r="D265" s="44"/>
      <c r="E265" s="74"/>
      <c r="F265" s="75"/>
    </row>
    <row r="266" spans="2:6" s="2" customFormat="1" ht="42.75" customHeight="1" x14ac:dyDescent="0.25">
      <c r="B266" s="109" t="s">
        <v>65</v>
      </c>
      <c r="C266" s="141" t="s">
        <v>497</v>
      </c>
      <c r="D266" s="44"/>
      <c r="E266" s="74"/>
      <c r="F266" s="75"/>
    </row>
    <row r="267" spans="2:6" s="2" customFormat="1" ht="147" customHeight="1" x14ac:dyDescent="0.25">
      <c r="B267" s="108" t="s">
        <v>403</v>
      </c>
      <c r="C267" s="71" t="s">
        <v>426</v>
      </c>
      <c r="D267" s="44"/>
      <c r="E267" s="74"/>
      <c r="F267" s="75"/>
    </row>
    <row r="268" spans="2:6" s="2" customFormat="1" ht="68.25" customHeight="1" x14ac:dyDescent="0.25">
      <c r="B268" s="43" t="s">
        <v>404</v>
      </c>
      <c r="C268" s="142" t="s">
        <v>427</v>
      </c>
      <c r="D268" s="44"/>
      <c r="E268" s="74"/>
      <c r="F268" s="75"/>
    </row>
    <row r="269" spans="2:6" s="2" customFormat="1" ht="32.25" customHeight="1" x14ac:dyDescent="0.25">
      <c r="B269" s="43" t="s">
        <v>405</v>
      </c>
      <c r="C269" s="141" t="s">
        <v>498</v>
      </c>
      <c r="D269" s="44"/>
      <c r="E269" s="74"/>
      <c r="F269" s="75"/>
    </row>
    <row r="270" spans="2:6" s="2" customFormat="1" ht="46.5" customHeight="1" x14ac:dyDescent="0.25">
      <c r="B270" s="173" t="s">
        <v>406</v>
      </c>
      <c r="C270" s="172" t="s">
        <v>554</v>
      </c>
      <c r="D270" s="44"/>
      <c r="E270" s="74"/>
      <c r="F270" s="75"/>
    </row>
    <row r="271" spans="2:6" s="2" customFormat="1" ht="59.25" customHeight="1" x14ac:dyDescent="0.25">
      <c r="B271" s="43" t="s">
        <v>407</v>
      </c>
      <c r="C271" s="141" t="s">
        <v>428</v>
      </c>
      <c r="D271" s="44"/>
      <c r="E271" s="74"/>
      <c r="F271" s="75"/>
    </row>
    <row r="272" spans="2:6" s="2" customFormat="1" ht="46.5" customHeight="1" x14ac:dyDescent="0.25">
      <c r="B272" s="43" t="s">
        <v>66</v>
      </c>
      <c r="C272" s="141" t="s">
        <v>388</v>
      </c>
      <c r="D272" s="44"/>
      <c r="E272" s="74"/>
      <c r="F272" s="75"/>
    </row>
    <row r="273" spans="2:6" s="2" customFormat="1" ht="58.5" customHeight="1" x14ac:dyDescent="0.25">
      <c r="B273" s="109" t="s">
        <v>67</v>
      </c>
      <c r="C273" s="141" t="s">
        <v>389</v>
      </c>
      <c r="D273" s="44"/>
      <c r="E273" s="74"/>
      <c r="F273" s="75"/>
    </row>
    <row r="274" spans="2:6" s="2" customFormat="1" ht="44.25" customHeight="1" x14ac:dyDescent="0.25">
      <c r="B274" s="109" t="s">
        <v>68</v>
      </c>
      <c r="C274" s="141" t="s">
        <v>390</v>
      </c>
      <c r="D274" s="44"/>
      <c r="E274" s="74"/>
      <c r="F274" s="75"/>
    </row>
    <row r="275" spans="2:6" s="2" customFormat="1" ht="96.75" customHeight="1" x14ac:dyDescent="0.25">
      <c r="B275" s="109" t="s">
        <v>408</v>
      </c>
      <c r="C275" s="141" t="s">
        <v>391</v>
      </c>
      <c r="D275" s="44"/>
      <c r="E275" s="74"/>
      <c r="F275" s="75"/>
    </row>
    <row r="276" spans="2:6" s="2" customFormat="1" ht="46.5" customHeight="1" x14ac:dyDescent="0.25">
      <c r="B276" s="109" t="s">
        <v>79</v>
      </c>
      <c r="C276" s="143" t="s">
        <v>499</v>
      </c>
      <c r="D276" s="44"/>
      <c r="E276" s="74"/>
      <c r="F276" s="75"/>
    </row>
    <row r="277" spans="2:6" s="2" customFormat="1" ht="71.25" customHeight="1" x14ac:dyDescent="0.25">
      <c r="B277" s="109" t="s">
        <v>80</v>
      </c>
      <c r="C277" s="72" t="s">
        <v>532</v>
      </c>
      <c r="D277" s="44"/>
      <c r="E277" s="74"/>
      <c r="F277" s="75"/>
    </row>
    <row r="278" spans="2:6" s="2" customFormat="1" ht="72.75" customHeight="1" x14ac:dyDescent="0.25">
      <c r="B278" s="144" t="s">
        <v>81</v>
      </c>
      <c r="C278" s="145" t="s">
        <v>392</v>
      </c>
      <c r="D278" s="44"/>
      <c r="E278" s="74"/>
      <c r="F278" s="75"/>
    </row>
    <row r="279" spans="2:6" s="2" customFormat="1" ht="60.75" customHeight="1" x14ac:dyDescent="0.25">
      <c r="B279" s="146" t="s">
        <v>174</v>
      </c>
      <c r="C279" s="147" t="s">
        <v>500</v>
      </c>
      <c r="D279" s="44"/>
      <c r="E279" s="74"/>
      <c r="F279" s="75"/>
    </row>
    <row r="280" spans="2:6" s="2" customFormat="1" ht="44.25" customHeight="1" x14ac:dyDescent="0.25">
      <c r="B280" s="148" t="s">
        <v>501</v>
      </c>
      <c r="C280" s="149" t="s">
        <v>502</v>
      </c>
      <c r="D280" s="44"/>
      <c r="E280" s="74"/>
      <c r="F280" s="75"/>
    </row>
    <row r="281" spans="2:6" s="2" customFormat="1" ht="124.5" customHeight="1" x14ac:dyDescent="0.25">
      <c r="B281" s="109" t="s">
        <v>84</v>
      </c>
      <c r="C281" s="141" t="s">
        <v>393</v>
      </c>
      <c r="D281" s="44"/>
      <c r="E281" s="74"/>
      <c r="F281" s="75"/>
    </row>
    <row r="282" spans="2:6" s="2" customFormat="1" ht="111" customHeight="1" x14ac:dyDescent="0.25">
      <c r="B282" s="150" t="s">
        <v>85</v>
      </c>
      <c r="C282" s="141" t="s">
        <v>394</v>
      </c>
      <c r="D282" s="44"/>
      <c r="E282" s="74"/>
      <c r="F282" s="75"/>
    </row>
    <row r="283" spans="2:6" s="2" customFormat="1" ht="59.25" customHeight="1" x14ac:dyDescent="0.25">
      <c r="B283" s="109" t="s">
        <v>86</v>
      </c>
      <c r="C283" s="141" t="s">
        <v>395</v>
      </c>
      <c r="D283" s="44"/>
      <c r="E283" s="74"/>
      <c r="F283" s="75"/>
    </row>
    <row r="284" spans="2:6" s="2" customFormat="1" ht="78" customHeight="1" x14ac:dyDescent="0.25">
      <c r="B284" s="109" t="s">
        <v>87</v>
      </c>
      <c r="C284" s="143" t="s">
        <v>539</v>
      </c>
      <c r="D284" s="44"/>
      <c r="E284" s="74"/>
      <c r="F284" s="75"/>
    </row>
    <row r="285" spans="2:6" s="2" customFormat="1" ht="45.75" customHeight="1" x14ac:dyDescent="0.25">
      <c r="B285" s="109" t="s">
        <v>88</v>
      </c>
      <c r="C285" s="117" t="s">
        <v>503</v>
      </c>
      <c r="D285" s="44"/>
      <c r="E285" s="74"/>
      <c r="F285" s="75"/>
    </row>
    <row r="286" spans="2:6" s="2" customFormat="1" ht="85.5" customHeight="1" x14ac:dyDescent="0.25">
      <c r="B286" s="109" t="s">
        <v>89</v>
      </c>
      <c r="C286" s="141" t="s">
        <v>396</v>
      </c>
      <c r="D286" s="44"/>
      <c r="E286" s="74"/>
      <c r="F286" s="75"/>
    </row>
    <row r="287" spans="2:6" s="2" customFormat="1" ht="194.25" customHeight="1" x14ac:dyDescent="0.25">
      <c r="B287" s="109" t="s">
        <v>90</v>
      </c>
      <c r="C287" s="141" t="s">
        <v>504</v>
      </c>
      <c r="D287" s="44"/>
      <c r="E287" s="74"/>
      <c r="F287" s="75"/>
    </row>
    <row r="288" spans="2:6" s="2" customFormat="1" ht="97.5" customHeight="1" x14ac:dyDescent="0.25">
      <c r="B288" s="109" t="s">
        <v>91</v>
      </c>
      <c r="C288" s="141" t="s">
        <v>505</v>
      </c>
      <c r="D288" s="44"/>
      <c r="E288" s="74"/>
      <c r="F288" s="75"/>
    </row>
    <row r="289" spans="2:6" s="2" customFormat="1" ht="130.5" customHeight="1" x14ac:dyDescent="0.25">
      <c r="B289" s="109" t="s">
        <v>92</v>
      </c>
      <c r="C289" s="141" t="s">
        <v>506</v>
      </c>
      <c r="D289" s="44"/>
      <c r="E289" s="74"/>
      <c r="F289" s="75"/>
    </row>
    <row r="290" spans="2:6" s="2" customFormat="1" ht="120.75" customHeight="1" x14ac:dyDescent="0.25">
      <c r="B290" s="150" t="s">
        <v>298</v>
      </c>
      <c r="C290" s="141" t="s">
        <v>507</v>
      </c>
      <c r="D290" s="44"/>
      <c r="E290" s="74"/>
      <c r="F290" s="75"/>
    </row>
    <row r="291" spans="2:6" s="2" customFormat="1" ht="47.25" customHeight="1" thickBot="1" x14ac:dyDescent="0.3">
      <c r="B291" s="151" t="s">
        <v>323</v>
      </c>
      <c r="C291" s="152" t="s">
        <v>508</v>
      </c>
      <c r="D291" s="52"/>
      <c r="E291" s="120"/>
      <c r="F291" s="121"/>
    </row>
    <row r="292" spans="2:6" s="2" customFormat="1" ht="30.75" customHeight="1" x14ac:dyDescent="0.25">
      <c r="B292" s="176" t="s">
        <v>509</v>
      </c>
      <c r="C292" s="177"/>
      <c r="D292" s="77"/>
      <c r="E292" s="180"/>
      <c r="F292" s="181"/>
    </row>
    <row r="293" spans="2:6" s="2" customFormat="1" ht="30.75" customHeight="1" x14ac:dyDescent="0.25">
      <c r="B293" s="78" t="s">
        <v>14</v>
      </c>
      <c r="C293" s="73" t="s">
        <v>510</v>
      </c>
      <c r="D293" s="44"/>
      <c r="E293" s="153"/>
      <c r="F293" s="55"/>
    </row>
    <row r="294" spans="2:6" s="2" customFormat="1" ht="24.95" customHeight="1" x14ac:dyDescent="0.25">
      <c r="B294" s="135" t="s">
        <v>54</v>
      </c>
      <c r="C294" s="136" t="s">
        <v>373</v>
      </c>
      <c r="D294" s="44"/>
      <c r="E294" s="174"/>
      <c r="F294" s="175"/>
    </row>
    <row r="295" spans="2:6" s="2" customFormat="1" ht="42" customHeight="1" x14ac:dyDescent="0.25">
      <c r="B295" s="137" t="s">
        <v>397</v>
      </c>
      <c r="C295" s="138" t="s">
        <v>495</v>
      </c>
      <c r="D295" s="44"/>
      <c r="E295" s="187"/>
      <c r="F295" s="188"/>
    </row>
    <row r="296" spans="2:6" s="2" customFormat="1" ht="21" customHeight="1" x14ac:dyDescent="0.25">
      <c r="B296" s="137" t="s">
        <v>398</v>
      </c>
      <c r="C296" s="138" t="s">
        <v>374</v>
      </c>
      <c r="D296" s="44"/>
      <c r="E296" s="174"/>
      <c r="F296" s="175"/>
    </row>
    <row r="297" spans="2:6" s="2" customFormat="1" ht="22.5" customHeight="1" x14ac:dyDescent="0.25">
      <c r="B297" s="137" t="s">
        <v>399</v>
      </c>
      <c r="C297" s="138" t="s">
        <v>375</v>
      </c>
      <c r="D297" s="77"/>
      <c r="E297" s="174"/>
      <c r="F297" s="175"/>
    </row>
    <row r="298" spans="2:6" s="2" customFormat="1" ht="45" customHeight="1" x14ac:dyDescent="0.25">
      <c r="B298" s="137" t="s">
        <v>400</v>
      </c>
      <c r="C298" s="138" t="s">
        <v>376</v>
      </c>
      <c r="D298" s="44"/>
      <c r="E298" s="174"/>
      <c r="F298" s="175"/>
    </row>
    <row r="299" spans="2:6" s="2" customFormat="1" ht="45" customHeight="1" x14ac:dyDescent="0.25">
      <c r="B299" s="137" t="s">
        <v>401</v>
      </c>
      <c r="C299" s="138" t="s">
        <v>377</v>
      </c>
      <c r="D299" s="44"/>
      <c r="E299" s="174"/>
      <c r="F299" s="175"/>
    </row>
    <row r="300" spans="2:6" s="2" customFormat="1" ht="113.25" customHeight="1" x14ac:dyDescent="0.25">
      <c r="B300" s="139" t="s">
        <v>402</v>
      </c>
      <c r="C300" s="140" t="s">
        <v>378</v>
      </c>
      <c r="D300" s="44"/>
      <c r="E300" s="174"/>
      <c r="F300" s="175"/>
    </row>
    <row r="301" spans="2:6" s="2" customFormat="1" ht="84.75" customHeight="1" x14ac:dyDescent="0.25">
      <c r="B301" s="43" t="s">
        <v>55</v>
      </c>
      <c r="C301" s="141" t="s">
        <v>496</v>
      </c>
      <c r="D301" s="44"/>
      <c r="E301" s="174"/>
      <c r="F301" s="175"/>
    </row>
    <row r="302" spans="2:6" s="2" customFormat="1" ht="86.25" customHeight="1" x14ac:dyDescent="0.25">
      <c r="B302" s="43" t="s">
        <v>56</v>
      </c>
      <c r="C302" s="141" t="s">
        <v>379</v>
      </c>
      <c r="D302" s="44"/>
      <c r="E302" s="174"/>
      <c r="F302" s="175"/>
    </row>
    <row r="303" spans="2:6" s="2" customFormat="1" ht="85.5" customHeight="1" x14ac:dyDescent="0.25">
      <c r="B303" s="43" t="s">
        <v>57</v>
      </c>
      <c r="C303" s="141" t="s">
        <v>380</v>
      </c>
      <c r="D303" s="44"/>
      <c r="E303" s="174"/>
      <c r="F303" s="175"/>
    </row>
    <row r="304" spans="2:6" s="2" customFormat="1" ht="107.25" customHeight="1" x14ac:dyDescent="0.25">
      <c r="B304" s="43" t="s">
        <v>58</v>
      </c>
      <c r="C304" s="141" t="s">
        <v>381</v>
      </c>
      <c r="D304" s="44"/>
      <c r="E304" s="174"/>
      <c r="F304" s="175"/>
    </row>
    <row r="305" spans="2:6" s="2" customFormat="1" ht="87" customHeight="1" x14ac:dyDescent="0.25">
      <c r="B305" s="43" t="s">
        <v>64</v>
      </c>
      <c r="C305" s="117" t="s">
        <v>382</v>
      </c>
      <c r="D305" s="44"/>
      <c r="E305" s="174"/>
      <c r="F305" s="175"/>
    </row>
    <row r="306" spans="2:6" s="2" customFormat="1" ht="81.75" customHeight="1" x14ac:dyDescent="0.25">
      <c r="B306" s="43" t="s">
        <v>59</v>
      </c>
      <c r="C306" s="141" t="s">
        <v>383</v>
      </c>
      <c r="D306" s="44"/>
      <c r="E306" s="174"/>
      <c r="F306" s="175"/>
    </row>
    <row r="307" spans="2:6" s="2" customFormat="1" ht="26.25" customHeight="1" x14ac:dyDescent="0.25">
      <c r="B307" s="109" t="s">
        <v>60</v>
      </c>
      <c r="C307" s="117" t="s">
        <v>384</v>
      </c>
      <c r="D307" s="44"/>
      <c r="E307" s="174"/>
      <c r="F307" s="175"/>
    </row>
    <row r="308" spans="2:6" s="2" customFormat="1" ht="45.75" customHeight="1" x14ac:dyDescent="0.25">
      <c r="B308" s="109" t="s">
        <v>61</v>
      </c>
      <c r="C308" s="71" t="s">
        <v>385</v>
      </c>
      <c r="D308" s="44"/>
      <c r="E308" s="174"/>
      <c r="F308" s="175"/>
    </row>
    <row r="309" spans="2:6" s="2" customFormat="1" ht="36" customHeight="1" x14ac:dyDescent="0.25">
      <c r="B309" s="109" t="s">
        <v>62</v>
      </c>
      <c r="C309" s="142" t="s">
        <v>386</v>
      </c>
      <c r="D309" s="44"/>
      <c r="E309" s="174"/>
      <c r="F309" s="175"/>
    </row>
    <row r="310" spans="2:6" s="2" customFormat="1" ht="47.25" customHeight="1" x14ac:dyDescent="0.25">
      <c r="B310" s="109" t="s">
        <v>65</v>
      </c>
      <c r="C310" s="141" t="s">
        <v>387</v>
      </c>
      <c r="D310" s="44"/>
      <c r="E310" s="174"/>
      <c r="F310" s="175"/>
    </row>
    <row r="311" spans="2:6" s="2" customFormat="1" ht="45.75" customHeight="1" x14ac:dyDescent="0.25">
      <c r="B311" s="109" t="s">
        <v>403</v>
      </c>
      <c r="C311" s="126" t="s">
        <v>511</v>
      </c>
      <c r="D311" s="44"/>
      <c r="E311" s="122"/>
      <c r="F311" s="123"/>
    </row>
    <row r="312" spans="2:6" s="2" customFormat="1" ht="71.25" customHeight="1" x14ac:dyDescent="0.25">
      <c r="B312" s="109" t="s">
        <v>404</v>
      </c>
      <c r="C312" s="126" t="s">
        <v>512</v>
      </c>
      <c r="D312" s="44"/>
      <c r="E312" s="122"/>
      <c r="F312" s="123"/>
    </row>
    <row r="313" spans="2:6" s="2" customFormat="1" ht="44.25" customHeight="1" x14ac:dyDescent="0.25">
      <c r="B313" s="109" t="s">
        <v>405</v>
      </c>
      <c r="C313" s="154" t="s">
        <v>533</v>
      </c>
      <c r="D313" s="44"/>
      <c r="E313" s="122"/>
      <c r="F313" s="123"/>
    </row>
    <row r="314" spans="2:6" s="2" customFormat="1" ht="32.25" customHeight="1" x14ac:dyDescent="0.25">
      <c r="B314" s="109" t="s">
        <v>406</v>
      </c>
      <c r="C314" s="154" t="s">
        <v>513</v>
      </c>
      <c r="D314" s="44"/>
      <c r="E314" s="122"/>
      <c r="F314" s="123"/>
    </row>
    <row r="315" spans="2:6" s="2" customFormat="1" ht="35.25" customHeight="1" x14ac:dyDescent="0.25">
      <c r="B315" s="111" t="s">
        <v>514</v>
      </c>
      <c r="C315" s="154" t="s">
        <v>534</v>
      </c>
      <c r="D315" s="44"/>
      <c r="E315" s="122"/>
      <c r="F315" s="123"/>
    </row>
    <row r="316" spans="2:6" s="2" customFormat="1" ht="69.75" customHeight="1" x14ac:dyDescent="0.25">
      <c r="B316" s="111" t="s">
        <v>515</v>
      </c>
      <c r="C316" s="154" t="s">
        <v>535</v>
      </c>
      <c r="D316" s="44"/>
      <c r="E316" s="122"/>
      <c r="F316" s="123"/>
    </row>
    <row r="317" spans="2:6" s="2" customFormat="1" ht="70.5" customHeight="1" x14ac:dyDescent="0.25">
      <c r="B317" s="109" t="s">
        <v>407</v>
      </c>
      <c r="C317" s="154" t="s">
        <v>516</v>
      </c>
      <c r="D317" s="44"/>
      <c r="E317" s="122"/>
      <c r="F317" s="123"/>
    </row>
    <row r="318" spans="2:6" s="2" customFormat="1" ht="57.75" customHeight="1" x14ac:dyDescent="0.25">
      <c r="B318" s="109" t="s">
        <v>66</v>
      </c>
      <c r="C318" s="154" t="s">
        <v>517</v>
      </c>
      <c r="D318" s="44"/>
      <c r="E318" s="122"/>
      <c r="F318" s="123"/>
    </row>
    <row r="319" spans="2:6" s="2" customFormat="1" ht="36.75" customHeight="1" x14ac:dyDescent="0.25">
      <c r="B319" s="109" t="s">
        <v>67</v>
      </c>
      <c r="C319" s="154" t="s">
        <v>536</v>
      </c>
      <c r="D319" s="44"/>
      <c r="E319" s="122"/>
      <c r="F319" s="123"/>
    </row>
    <row r="320" spans="2:6" s="2" customFormat="1" ht="37.5" customHeight="1" x14ac:dyDescent="0.25">
      <c r="B320" s="109" t="s">
        <v>68</v>
      </c>
      <c r="C320" s="154" t="s">
        <v>518</v>
      </c>
      <c r="D320" s="44"/>
      <c r="E320" s="122"/>
      <c r="F320" s="123"/>
    </row>
    <row r="321" spans="2:6" s="2" customFormat="1" ht="37.5" customHeight="1" x14ac:dyDescent="0.25">
      <c r="B321" s="109" t="s">
        <v>408</v>
      </c>
      <c r="C321" s="154" t="s">
        <v>519</v>
      </c>
      <c r="D321" s="44"/>
      <c r="E321" s="122"/>
      <c r="F321" s="123"/>
    </row>
    <row r="322" spans="2:6" s="2" customFormat="1" ht="144" customHeight="1" x14ac:dyDescent="0.25">
      <c r="B322" s="109" t="s">
        <v>79</v>
      </c>
      <c r="C322" s="71" t="s">
        <v>426</v>
      </c>
      <c r="D322" s="44"/>
      <c r="E322" s="174"/>
      <c r="F322" s="175"/>
    </row>
    <row r="323" spans="2:6" s="2" customFormat="1" ht="72" customHeight="1" x14ac:dyDescent="0.25">
      <c r="B323" s="109" t="s">
        <v>80</v>
      </c>
      <c r="C323" s="142" t="s">
        <v>427</v>
      </c>
      <c r="D323" s="44"/>
      <c r="E323" s="174"/>
      <c r="F323" s="175"/>
    </row>
    <row r="324" spans="2:6" s="2" customFormat="1" ht="33" customHeight="1" x14ac:dyDescent="0.25">
      <c r="B324" s="109" t="s">
        <v>81</v>
      </c>
      <c r="C324" s="141" t="s">
        <v>498</v>
      </c>
      <c r="D324" s="44"/>
      <c r="E324" s="174"/>
      <c r="F324" s="175"/>
    </row>
    <row r="325" spans="2:6" s="2" customFormat="1" ht="48.75" customHeight="1" x14ac:dyDescent="0.25">
      <c r="B325" s="171" t="s">
        <v>84</v>
      </c>
      <c r="C325" s="172" t="s">
        <v>554</v>
      </c>
      <c r="D325" s="44"/>
      <c r="E325" s="174"/>
      <c r="F325" s="175"/>
    </row>
    <row r="326" spans="2:6" s="2" customFormat="1" ht="55.5" customHeight="1" x14ac:dyDescent="0.25">
      <c r="B326" s="109" t="s">
        <v>85</v>
      </c>
      <c r="C326" s="141" t="s">
        <v>428</v>
      </c>
      <c r="D326" s="44"/>
      <c r="E326" s="174"/>
      <c r="F326" s="175"/>
    </row>
    <row r="327" spans="2:6" s="2" customFormat="1" ht="45.75" customHeight="1" x14ac:dyDescent="0.25">
      <c r="B327" s="109" t="s">
        <v>86</v>
      </c>
      <c r="C327" s="141" t="s">
        <v>388</v>
      </c>
      <c r="D327" s="44"/>
      <c r="E327" s="174"/>
      <c r="F327" s="175"/>
    </row>
    <row r="328" spans="2:6" s="2" customFormat="1" ht="59.25" customHeight="1" x14ac:dyDescent="0.25">
      <c r="B328" s="109" t="s">
        <v>87</v>
      </c>
      <c r="C328" s="141" t="s">
        <v>389</v>
      </c>
      <c r="D328" s="44"/>
      <c r="E328" s="174"/>
      <c r="F328" s="175"/>
    </row>
    <row r="329" spans="2:6" s="2" customFormat="1" ht="42.75" customHeight="1" x14ac:dyDescent="0.25">
      <c r="B329" s="109" t="s">
        <v>88</v>
      </c>
      <c r="C329" s="141" t="s">
        <v>390</v>
      </c>
      <c r="D329" s="44"/>
      <c r="E329" s="174"/>
      <c r="F329" s="175"/>
    </row>
    <row r="330" spans="2:6" s="2" customFormat="1" ht="105.75" customHeight="1" x14ac:dyDescent="0.25">
      <c r="B330" s="144" t="s">
        <v>89</v>
      </c>
      <c r="C330" s="141" t="s">
        <v>538</v>
      </c>
      <c r="D330" s="44"/>
      <c r="E330" s="174"/>
      <c r="F330" s="175"/>
    </row>
    <row r="331" spans="2:6" s="2" customFormat="1" ht="42" customHeight="1" x14ac:dyDescent="0.25">
      <c r="B331" s="109" t="s">
        <v>90</v>
      </c>
      <c r="C331" s="143" t="s">
        <v>499</v>
      </c>
      <c r="D331" s="44"/>
      <c r="E331" s="174"/>
      <c r="F331" s="175"/>
    </row>
    <row r="332" spans="2:6" s="2" customFormat="1" ht="42" customHeight="1" x14ac:dyDescent="0.25">
      <c r="B332" s="109" t="s">
        <v>91</v>
      </c>
      <c r="C332" s="155" t="s">
        <v>520</v>
      </c>
      <c r="D332" s="44"/>
      <c r="E332" s="122"/>
      <c r="F332" s="123"/>
    </row>
    <row r="333" spans="2:6" s="2" customFormat="1" ht="70.5" customHeight="1" x14ac:dyDescent="0.25">
      <c r="B333" s="109" t="s">
        <v>92</v>
      </c>
      <c r="C333" s="72" t="s">
        <v>532</v>
      </c>
      <c r="D333" s="44"/>
      <c r="E333" s="174"/>
      <c r="F333" s="175"/>
    </row>
    <row r="334" spans="2:6" s="2" customFormat="1" ht="72.75" customHeight="1" x14ac:dyDescent="0.25">
      <c r="B334" s="144" t="s">
        <v>298</v>
      </c>
      <c r="C334" s="145" t="s">
        <v>392</v>
      </c>
      <c r="D334" s="44"/>
      <c r="E334" s="174"/>
      <c r="F334" s="175"/>
    </row>
    <row r="335" spans="2:6" s="2" customFormat="1" ht="59.25" customHeight="1" x14ac:dyDescent="0.25">
      <c r="B335" s="146" t="s">
        <v>306</v>
      </c>
      <c r="C335" s="147" t="s">
        <v>500</v>
      </c>
      <c r="D335" s="44"/>
      <c r="E335" s="174"/>
      <c r="F335" s="175"/>
    </row>
    <row r="336" spans="2:6" s="2" customFormat="1" ht="45" customHeight="1" x14ac:dyDescent="0.25">
      <c r="B336" s="148" t="s">
        <v>307</v>
      </c>
      <c r="C336" s="149" t="s">
        <v>502</v>
      </c>
      <c r="D336" s="44"/>
      <c r="E336" s="174"/>
      <c r="F336" s="175"/>
    </row>
    <row r="337" spans="2:7" s="2" customFormat="1" ht="121.5" customHeight="1" x14ac:dyDescent="0.25">
      <c r="B337" s="109" t="s">
        <v>323</v>
      </c>
      <c r="C337" s="141" t="s">
        <v>537</v>
      </c>
      <c r="D337" s="44"/>
      <c r="E337" s="122"/>
      <c r="F337" s="123"/>
    </row>
    <row r="338" spans="2:7" s="2" customFormat="1" ht="110.25" customHeight="1" x14ac:dyDescent="0.25">
      <c r="B338" s="110" t="s">
        <v>411</v>
      </c>
      <c r="C338" s="141" t="s">
        <v>394</v>
      </c>
      <c r="D338" s="44"/>
      <c r="E338" s="174"/>
      <c r="F338" s="175"/>
    </row>
    <row r="339" spans="2:7" s="2" customFormat="1" ht="61.5" customHeight="1" x14ac:dyDescent="0.25">
      <c r="B339" s="109" t="s">
        <v>521</v>
      </c>
      <c r="C339" s="141" t="s">
        <v>395</v>
      </c>
      <c r="D339" s="60"/>
      <c r="E339" s="74"/>
      <c r="F339" s="75"/>
    </row>
    <row r="340" spans="2:7" s="2" customFormat="1" ht="84.75" customHeight="1" x14ac:dyDescent="0.25">
      <c r="B340" s="109" t="s">
        <v>522</v>
      </c>
      <c r="C340" s="143" t="s">
        <v>540</v>
      </c>
      <c r="D340" s="60"/>
      <c r="E340" s="74"/>
      <c r="F340" s="75"/>
    </row>
    <row r="341" spans="2:7" s="2" customFormat="1" ht="46.5" customHeight="1" x14ac:dyDescent="0.25">
      <c r="B341" s="109" t="s">
        <v>523</v>
      </c>
      <c r="C341" s="117" t="s">
        <v>503</v>
      </c>
      <c r="D341" s="60"/>
      <c r="E341" s="74"/>
      <c r="F341" s="75"/>
    </row>
    <row r="342" spans="2:7" s="2" customFormat="1" ht="86.25" customHeight="1" x14ac:dyDescent="0.25">
      <c r="B342" s="150" t="s">
        <v>524</v>
      </c>
      <c r="C342" s="141" t="s">
        <v>396</v>
      </c>
      <c r="D342" s="60"/>
      <c r="E342" s="74"/>
      <c r="F342" s="75"/>
    </row>
    <row r="343" spans="2:7" s="2" customFormat="1" ht="200.25" customHeight="1" x14ac:dyDescent="0.25">
      <c r="B343" s="109" t="s">
        <v>525</v>
      </c>
      <c r="C343" s="141" t="s">
        <v>504</v>
      </c>
      <c r="D343" s="60"/>
      <c r="E343" s="74"/>
      <c r="F343" s="75"/>
    </row>
    <row r="344" spans="2:7" s="2" customFormat="1" ht="96.75" customHeight="1" x14ac:dyDescent="0.25">
      <c r="B344" s="110" t="s">
        <v>526</v>
      </c>
      <c r="C344" s="141" t="s">
        <v>505</v>
      </c>
      <c r="D344" s="60"/>
      <c r="E344" s="74"/>
      <c r="F344" s="75"/>
    </row>
    <row r="345" spans="2:7" s="2" customFormat="1" ht="134.25" customHeight="1" x14ac:dyDescent="0.25">
      <c r="B345" s="109" t="s">
        <v>527</v>
      </c>
      <c r="C345" s="141" t="s">
        <v>506</v>
      </c>
      <c r="D345" s="60"/>
      <c r="E345" s="74"/>
      <c r="F345" s="75"/>
    </row>
    <row r="346" spans="2:7" s="2" customFormat="1" ht="122.25" customHeight="1" x14ac:dyDescent="0.25">
      <c r="B346" s="150" t="s">
        <v>528</v>
      </c>
      <c r="C346" s="141" t="s">
        <v>507</v>
      </c>
      <c r="D346" s="60"/>
      <c r="E346" s="74"/>
      <c r="F346" s="75"/>
    </row>
    <row r="347" spans="2:7" s="2" customFormat="1" ht="45.75" customHeight="1" thickBot="1" x14ac:dyDescent="0.3">
      <c r="B347" s="151" t="s">
        <v>529</v>
      </c>
      <c r="C347" s="152" t="s">
        <v>508</v>
      </c>
      <c r="D347" s="52"/>
      <c r="E347" s="120"/>
      <c r="F347" s="121"/>
    </row>
    <row r="348" spans="2:7" s="3" customFormat="1" ht="5.0999999999999996" customHeight="1" x14ac:dyDescent="0.25">
      <c r="B348" s="5"/>
      <c r="C348" s="5"/>
      <c r="D348" s="7"/>
      <c r="E348" s="7"/>
      <c r="F348" s="25"/>
      <c r="G348" s="2"/>
    </row>
    <row r="349" spans="2:7" s="2" customFormat="1" ht="20.100000000000001" customHeight="1" x14ac:dyDescent="0.25">
      <c r="B349" s="194" t="s">
        <v>51</v>
      </c>
      <c r="C349" s="194"/>
      <c r="D349" s="194"/>
      <c r="E349" s="194"/>
      <c r="F349" s="194"/>
    </row>
    <row r="350" spans="2:7" s="2" customFormat="1" ht="4.5" customHeight="1" thickBot="1" x14ac:dyDescent="0.3">
      <c r="C350" s="3"/>
    </row>
    <row r="351" spans="2:7" s="2" customFormat="1" ht="80.25" customHeight="1" x14ac:dyDescent="0.25">
      <c r="B351" s="195" t="s">
        <v>413</v>
      </c>
      <c r="C351" s="196"/>
      <c r="D351" s="205" t="s">
        <v>52</v>
      </c>
      <c r="E351" s="206"/>
      <c r="F351" s="207"/>
    </row>
    <row r="352" spans="2:7" s="3" customFormat="1" ht="29.25" customHeight="1" thickBot="1" x14ac:dyDescent="0.3">
      <c r="B352" s="197"/>
      <c r="C352" s="198"/>
      <c r="D352" s="23" t="s">
        <v>6</v>
      </c>
      <c r="E352" s="208" t="s">
        <v>29</v>
      </c>
      <c r="F352" s="209"/>
      <c r="G352" s="2"/>
    </row>
    <row r="353" spans="2:7" s="3" customFormat="1" ht="135.75" customHeight="1" x14ac:dyDescent="0.25">
      <c r="B353" s="45" t="s">
        <v>14</v>
      </c>
      <c r="C353" s="102" t="s">
        <v>530</v>
      </c>
      <c r="D353" s="46"/>
      <c r="E353" s="210"/>
      <c r="F353" s="211"/>
      <c r="G353" s="2"/>
    </row>
    <row r="354" spans="2:7" s="3" customFormat="1" ht="54.75" customHeight="1" thickBot="1" x14ac:dyDescent="0.3">
      <c r="B354" s="43" t="s">
        <v>54</v>
      </c>
      <c r="C354" s="76" t="s">
        <v>69</v>
      </c>
      <c r="D354" s="48"/>
      <c r="E354" s="56"/>
      <c r="F354" s="55"/>
      <c r="G354" s="2"/>
    </row>
    <row r="355" spans="2:7" s="3" customFormat="1" ht="56.25" customHeight="1" x14ac:dyDescent="0.25">
      <c r="B355" s="43" t="s">
        <v>55</v>
      </c>
      <c r="C355" s="76" t="s">
        <v>70</v>
      </c>
      <c r="D355" s="54"/>
      <c r="E355" s="212"/>
      <c r="F355" s="188"/>
      <c r="G355" s="2"/>
    </row>
    <row r="356" spans="2:7" s="3" customFormat="1" ht="116.25" customHeight="1" x14ac:dyDescent="0.25">
      <c r="B356" s="43" t="s">
        <v>56</v>
      </c>
      <c r="C356" s="76" t="s">
        <v>531</v>
      </c>
      <c r="D356" s="54"/>
      <c r="E356" s="187"/>
      <c r="F356" s="188"/>
      <c r="G356" s="2"/>
    </row>
    <row r="357" spans="2:7" s="3" customFormat="1" ht="31.5" customHeight="1" x14ac:dyDescent="0.25">
      <c r="B357" s="78" t="s">
        <v>57</v>
      </c>
      <c r="C357" s="103" t="s">
        <v>553</v>
      </c>
      <c r="D357" s="54"/>
      <c r="E357" s="156"/>
      <c r="F357" s="157"/>
      <c r="G357" s="2"/>
    </row>
    <row r="358" spans="2:7" s="3" customFormat="1" ht="49.5" customHeight="1" x14ac:dyDescent="0.25">
      <c r="B358" s="78" t="s">
        <v>58</v>
      </c>
      <c r="C358" s="103" t="s">
        <v>370</v>
      </c>
      <c r="D358" s="54"/>
      <c r="E358" s="187"/>
      <c r="F358" s="188"/>
      <c r="G358" s="2"/>
    </row>
    <row r="359" spans="2:7" s="3" customFormat="1" ht="32.25" customHeight="1" x14ac:dyDescent="0.25">
      <c r="B359" s="78" t="s">
        <v>64</v>
      </c>
      <c r="C359" s="112" t="s">
        <v>412</v>
      </c>
      <c r="D359" s="54"/>
      <c r="E359" s="187"/>
      <c r="F359" s="188"/>
      <c r="G359" s="2"/>
    </row>
    <row r="360" spans="2:7" s="3" customFormat="1" ht="35.25" customHeight="1" x14ac:dyDescent="0.25">
      <c r="B360" s="78" t="s">
        <v>59</v>
      </c>
      <c r="C360" s="112" t="s">
        <v>367</v>
      </c>
      <c r="D360" s="54"/>
      <c r="E360" s="187"/>
      <c r="F360" s="188"/>
      <c r="G360" s="2"/>
    </row>
    <row r="361" spans="2:7" s="3" customFormat="1" ht="32.25" customHeight="1" x14ac:dyDescent="0.25">
      <c r="B361" s="78" t="s">
        <v>60</v>
      </c>
      <c r="C361" s="112" t="s">
        <v>368</v>
      </c>
      <c r="D361" s="54"/>
      <c r="E361" s="187"/>
      <c r="F361" s="188"/>
      <c r="G361" s="2"/>
    </row>
    <row r="362" spans="2:7" s="3" customFormat="1" ht="54.75" customHeight="1" x14ac:dyDescent="0.25">
      <c r="B362" s="78" t="s">
        <v>61</v>
      </c>
      <c r="C362" s="103" t="s">
        <v>365</v>
      </c>
      <c r="D362" s="54"/>
      <c r="E362" s="107"/>
      <c r="F362" s="106"/>
      <c r="G362" s="2"/>
    </row>
    <row r="363" spans="2:7" s="3" customFormat="1" ht="39.75" customHeight="1" x14ac:dyDescent="0.25">
      <c r="B363" s="78" t="s">
        <v>62</v>
      </c>
      <c r="C363" s="112" t="s">
        <v>369</v>
      </c>
      <c r="D363" s="54"/>
      <c r="E363" s="187"/>
      <c r="F363" s="188"/>
      <c r="G363" s="2"/>
    </row>
    <row r="364" spans="2:7" s="3" customFormat="1" ht="54" customHeight="1" x14ac:dyDescent="0.25">
      <c r="B364" s="78" t="s">
        <v>65</v>
      </c>
      <c r="C364" s="104" t="s">
        <v>366</v>
      </c>
      <c r="D364" s="54"/>
      <c r="E364" s="187"/>
      <c r="F364" s="188"/>
      <c r="G364" s="2"/>
    </row>
    <row r="365" spans="2:7" s="3" customFormat="1" ht="30.75" customHeight="1" thickBot="1" x14ac:dyDescent="0.3">
      <c r="B365" s="47" t="s">
        <v>403</v>
      </c>
      <c r="C365" s="105" t="s">
        <v>53</v>
      </c>
      <c r="D365" s="48"/>
      <c r="E365" s="203"/>
      <c r="F365" s="204"/>
      <c r="G365" s="2"/>
    </row>
    <row r="366" spans="2:7" s="2" customFormat="1" ht="5.0999999999999996" customHeight="1" x14ac:dyDescent="0.25">
      <c r="B366" s="5"/>
      <c r="C366" s="5"/>
      <c r="D366" s="7"/>
      <c r="E366" s="7"/>
      <c r="F366" s="25"/>
    </row>
    <row r="367" spans="2:7" s="2" customFormat="1" ht="20.100000000000001" customHeight="1" x14ac:dyDescent="0.25">
      <c r="B367" s="194" t="s">
        <v>13</v>
      </c>
      <c r="C367" s="194"/>
      <c r="D367" s="194"/>
      <c r="E367" s="194"/>
      <c r="F367" s="194"/>
    </row>
    <row r="368" spans="2:7" s="3" customFormat="1" ht="30" customHeight="1" x14ac:dyDescent="0.25">
      <c r="B368" s="5" t="s">
        <v>15</v>
      </c>
      <c r="C368" s="230" t="s">
        <v>72</v>
      </c>
      <c r="D368" s="230"/>
      <c r="E368" s="230"/>
      <c r="F368" s="230"/>
      <c r="G368" s="2"/>
    </row>
    <row r="369" spans="2:7" s="27" customFormat="1" ht="30" customHeight="1" x14ac:dyDescent="0.25">
      <c r="B369" s="5" t="s">
        <v>30</v>
      </c>
      <c r="C369" s="230" t="s">
        <v>31</v>
      </c>
      <c r="D369" s="230"/>
      <c r="E369" s="230"/>
      <c r="F369" s="230"/>
      <c r="G369" s="2"/>
    </row>
    <row r="370" spans="2:7" s="27" customFormat="1" ht="30" customHeight="1" x14ac:dyDescent="0.25">
      <c r="B370" s="231" t="s">
        <v>32</v>
      </c>
      <c r="C370" s="231"/>
      <c r="D370" s="231"/>
      <c r="E370" s="231"/>
      <c r="F370" s="3"/>
      <c r="G370" s="2"/>
    </row>
    <row r="371" spans="2:7" s="2" customFormat="1" ht="24.95" customHeight="1" x14ac:dyDescent="0.25">
      <c r="B371" s="26" t="s">
        <v>33</v>
      </c>
      <c r="C371" s="228"/>
      <c r="D371" s="228"/>
      <c r="F371" s="27"/>
    </row>
    <row r="372" spans="2:7" s="2" customFormat="1" ht="24.95" customHeight="1" x14ac:dyDescent="0.25">
      <c r="B372" s="26" t="s">
        <v>34</v>
      </c>
      <c r="C372" s="228"/>
      <c r="D372" s="228"/>
      <c r="F372" s="27"/>
    </row>
    <row r="373" spans="2:7" s="2" customFormat="1" ht="24.95" customHeight="1" x14ac:dyDescent="0.25">
      <c r="B373" s="26" t="s">
        <v>35</v>
      </c>
      <c r="C373" s="228"/>
      <c r="D373" s="228"/>
      <c r="F373" s="27"/>
    </row>
    <row r="374" spans="2:7" s="3" customFormat="1" ht="24.95" customHeight="1" x14ac:dyDescent="0.25">
      <c r="B374" s="26" t="s">
        <v>36</v>
      </c>
      <c r="C374" s="228"/>
      <c r="D374" s="228"/>
      <c r="E374" s="2"/>
      <c r="F374" s="28"/>
      <c r="G374" s="2"/>
    </row>
    <row r="375" spans="2:7" s="2" customFormat="1" ht="14.25" customHeight="1" x14ac:dyDescent="0.2">
      <c r="B375" s="11"/>
      <c r="C375" s="68"/>
      <c r="D375" s="12"/>
      <c r="F375" s="29"/>
    </row>
    <row r="376" spans="2:7" s="3" customFormat="1" ht="15" customHeight="1" x14ac:dyDescent="0.25">
      <c r="B376" s="232" t="s">
        <v>37</v>
      </c>
      <c r="C376" s="232"/>
      <c r="D376" s="232"/>
      <c r="E376" s="232"/>
      <c r="F376" s="232"/>
    </row>
    <row r="377" spans="2:7" s="2" customFormat="1" ht="36.75" customHeight="1" x14ac:dyDescent="0.25">
      <c r="B377" s="229" t="s">
        <v>48</v>
      </c>
      <c r="C377" s="229"/>
      <c r="D377" s="229"/>
      <c r="E377" s="229"/>
      <c r="F377" s="229"/>
    </row>
    <row r="378" spans="2:7" s="2" customFormat="1" ht="20.100000000000001" customHeight="1" x14ac:dyDescent="0.2">
      <c r="B378" s="1"/>
      <c r="C378" s="3"/>
      <c r="D378" s="8"/>
      <c r="E378" s="8"/>
    </row>
    <row r="379" spans="2:7" s="3" customFormat="1" ht="4.5" customHeight="1" x14ac:dyDescent="0.2">
      <c r="B379" s="1"/>
      <c r="D379" s="8"/>
      <c r="E379" s="8"/>
      <c r="F379" s="2"/>
    </row>
    <row r="380" spans="2:7" s="3" customFormat="1" ht="20.100000000000001" customHeight="1" x14ac:dyDescent="0.25">
      <c r="B380" s="30" t="s">
        <v>38</v>
      </c>
      <c r="C380" s="69"/>
      <c r="D380" s="31" t="s">
        <v>39</v>
      </c>
      <c r="E380" s="226"/>
      <c r="F380" s="226"/>
    </row>
    <row r="381" spans="2:7" s="3" customFormat="1" ht="20.100000000000001" customHeight="1" x14ac:dyDescent="0.25">
      <c r="B381" s="32"/>
      <c r="C381" s="70"/>
      <c r="D381" s="32"/>
      <c r="E381" s="33"/>
      <c r="F381" s="33"/>
    </row>
    <row r="382" spans="2:7" ht="20.100000000000001" customHeight="1" x14ac:dyDescent="0.2">
      <c r="B382" s="30" t="s">
        <v>40</v>
      </c>
      <c r="C382" s="69"/>
      <c r="D382" s="34" t="s">
        <v>41</v>
      </c>
      <c r="E382" s="227"/>
      <c r="F382" s="227"/>
    </row>
    <row r="383" spans="2:7" s="2" customFormat="1" ht="20.100000000000001" customHeight="1" x14ac:dyDescent="0.2">
      <c r="B383" s="1"/>
      <c r="C383" s="3"/>
      <c r="D383" s="34" t="s">
        <v>42</v>
      </c>
      <c r="E383" s="228"/>
      <c r="F383" s="228"/>
    </row>
    <row r="384" spans="2:7" s="2" customFormat="1" ht="20.100000000000001" customHeight="1" x14ac:dyDescent="0.2">
      <c r="B384" s="1"/>
      <c r="C384" s="3"/>
      <c r="D384" s="35" t="s">
        <v>43</v>
      </c>
      <c r="E384" s="1"/>
    </row>
    <row r="385" spans="2:5" s="2" customFormat="1" ht="37.5" customHeight="1" x14ac:dyDescent="0.25">
      <c r="C385" s="3"/>
    </row>
    <row r="386" spans="2:5" s="2" customFormat="1" ht="24" customHeight="1" x14ac:dyDescent="0.25">
      <c r="C386" s="3"/>
    </row>
    <row r="387" spans="2:5" s="2" customFormat="1" ht="24" customHeight="1" x14ac:dyDescent="0.25">
      <c r="C387" s="3"/>
    </row>
    <row r="388" spans="2:5" s="2" customFormat="1" ht="24" customHeight="1" x14ac:dyDescent="0.25">
      <c r="C388" s="3"/>
    </row>
    <row r="389" spans="2:5" s="2" customFormat="1" ht="20.100000000000001" customHeight="1" x14ac:dyDescent="0.25">
      <c r="C389" s="3"/>
    </row>
    <row r="390" spans="2:5" s="2" customFormat="1" ht="20.100000000000001" customHeight="1" x14ac:dyDescent="0.25">
      <c r="C390" s="3"/>
    </row>
    <row r="391" spans="2:5" s="2" customFormat="1" ht="50.1" customHeight="1" x14ac:dyDescent="0.25">
      <c r="C391" s="3"/>
    </row>
    <row r="392" spans="2:5" s="2" customFormat="1" ht="43.5" customHeight="1" x14ac:dyDescent="0.25">
      <c r="C392" s="3"/>
    </row>
    <row r="393" spans="2:5" ht="24.75" customHeight="1" x14ac:dyDescent="0.2">
      <c r="B393" s="2"/>
      <c r="D393" s="2"/>
      <c r="E393" s="2"/>
    </row>
    <row r="394" spans="2:5" x14ac:dyDescent="0.2">
      <c r="B394" s="2"/>
      <c r="D394" s="2"/>
      <c r="E394" s="2"/>
    </row>
    <row r="395" spans="2:5" ht="20.100000000000001" customHeight="1" x14ac:dyDescent="0.2"/>
    <row r="396" spans="2:5" ht="4.5" customHeight="1" x14ac:dyDescent="0.2"/>
    <row r="397" spans="2:5" ht="20.100000000000001" customHeight="1" x14ac:dyDescent="0.2"/>
    <row r="398" spans="2:5" ht="20.100000000000001" customHeight="1" x14ac:dyDescent="0.2"/>
    <row r="399" spans="2:5" ht="20.100000000000001" customHeight="1" x14ac:dyDescent="0.2"/>
  </sheetData>
  <mergeCells count="195">
    <mergeCell ref="E359:F359"/>
    <mergeCell ref="E360:F360"/>
    <mergeCell ref="E361:F361"/>
    <mergeCell ref="E363:F363"/>
    <mergeCell ref="E364:F364"/>
    <mergeCell ref="E84:F84"/>
    <mergeCell ref="E85:F85"/>
    <mergeCell ref="E92:F92"/>
    <mergeCell ref="E93:F93"/>
    <mergeCell ref="E94:F94"/>
    <mergeCell ref="E87:F87"/>
    <mergeCell ref="E97:F97"/>
    <mergeCell ref="E102:F102"/>
    <mergeCell ref="E103:F103"/>
    <mergeCell ref="E104:F104"/>
    <mergeCell ref="E105:F105"/>
    <mergeCell ref="E106:F106"/>
    <mergeCell ref="E107:F107"/>
    <mergeCell ref="E108:F108"/>
    <mergeCell ref="E138:F138"/>
    <mergeCell ref="E139:F139"/>
    <mergeCell ref="B244:F244"/>
    <mergeCell ref="B246:C247"/>
    <mergeCell ref="D246:F246"/>
    <mergeCell ref="C31:D31"/>
    <mergeCell ref="D42:F42"/>
    <mergeCell ref="E43:F43"/>
    <mergeCell ref="B24:F24"/>
    <mergeCell ref="C30:D30"/>
    <mergeCell ref="B36:C36"/>
    <mergeCell ref="E66:F66"/>
    <mergeCell ref="E67:F67"/>
    <mergeCell ref="E68:F68"/>
    <mergeCell ref="E52:F52"/>
    <mergeCell ref="E53:F53"/>
    <mergeCell ref="E54:F54"/>
    <mergeCell ref="E55:F55"/>
    <mergeCell ref="E61:F61"/>
    <mergeCell ref="E62:F62"/>
    <mergeCell ref="E63:F63"/>
    <mergeCell ref="E64:F64"/>
    <mergeCell ref="E65:F65"/>
    <mergeCell ref="C33:D33"/>
    <mergeCell ref="C34:D34"/>
    <mergeCell ref="E380:F380"/>
    <mergeCell ref="E382:F382"/>
    <mergeCell ref="E383:F383"/>
    <mergeCell ref="B377:F377"/>
    <mergeCell ref="B367:F367"/>
    <mergeCell ref="C368:F368"/>
    <mergeCell ref="C369:F369"/>
    <mergeCell ref="B370:E370"/>
    <mergeCell ref="B376:F376"/>
    <mergeCell ref="C371:D371"/>
    <mergeCell ref="C372:D372"/>
    <mergeCell ref="C373:D373"/>
    <mergeCell ref="C374:D374"/>
    <mergeCell ref="B3:F3"/>
    <mergeCell ref="B7:F7"/>
    <mergeCell ref="B8:F8"/>
    <mergeCell ref="B11:F11"/>
    <mergeCell ref="B12:D12"/>
    <mergeCell ref="B2:F2"/>
    <mergeCell ref="B1:F1"/>
    <mergeCell ref="B25:C25"/>
    <mergeCell ref="B28:C28"/>
    <mergeCell ref="B9:F9"/>
    <mergeCell ref="B15:D15"/>
    <mergeCell ref="B13:C13"/>
    <mergeCell ref="B14:C14"/>
    <mergeCell ref="B21:F21"/>
    <mergeCell ref="B22:D22"/>
    <mergeCell ref="B23:F23"/>
    <mergeCell ref="B18:D18"/>
    <mergeCell ref="B19:D19"/>
    <mergeCell ref="B20:F20"/>
    <mergeCell ref="E365:F365"/>
    <mergeCell ref="B349:F349"/>
    <mergeCell ref="B351:C352"/>
    <mergeCell ref="D351:F351"/>
    <mergeCell ref="E352:F352"/>
    <mergeCell ref="E70:F70"/>
    <mergeCell ref="E71:F71"/>
    <mergeCell ref="E353:F353"/>
    <mergeCell ref="E78:F78"/>
    <mergeCell ref="E101:F101"/>
    <mergeCell ref="E79:F79"/>
    <mergeCell ref="E356:F356"/>
    <mergeCell ref="E358:F358"/>
    <mergeCell ref="E355:F355"/>
    <mergeCell ref="E247:F247"/>
    <mergeCell ref="E74:F74"/>
    <mergeCell ref="E116:F116"/>
    <mergeCell ref="E117:F117"/>
    <mergeCell ref="E118:F118"/>
    <mergeCell ref="E120:F120"/>
    <mergeCell ref="E121:F121"/>
    <mergeCell ref="E122:F122"/>
    <mergeCell ref="E136:F136"/>
    <mergeCell ref="E137:F137"/>
    <mergeCell ref="E112:F112"/>
    <mergeCell ref="E113:F113"/>
    <mergeCell ref="E114:F114"/>
    <mergeCell ref="E115:F115"/>
    <mergeCell ref="E58:F58"/>
    <mergeCell ref="E59:F59"/>
    <mergeCell ref="E46:F46"/>
    <mergeCell ref="E76:F76"/>
    <mergeCell ref="E77:F77"/>
    <mergeCell ref="E48:F48"/>
    <mergeCell ref="E69:F69"/>
    <mergeCell ref="E72:F72"/>
    <mergeCell ref="E73:F73"/>
    <mergeCell ref="E81:F81"/>
    <mergeCell ref="E98:F98"/>
    <mergeCell ref="E99:F99"/>
    <mergeCell ref="E95:F95"/>
    <mergeCell ref="E96:F96"/>
    <mergeCell ref="E60:F60"/>
    <mergeCell ref="E109:F109"/>
    <mergeCell ref="E110:F110"/>
    <mergeCell ref="E111:F111"/>
    <mergeCell ref="E294:F294"/>
    <mergeCell ref="E295:F295"/>
    <mergeCell ref="E296:F296"/>
    <mergeCell ref="E297:F297"/>
    <mergeCell ref="E298:F298"/>
    <mergeCell ref="B44:F44"/>
    <mergeCell ref="E45:F45"/>
    <mergeCell ref="B40:F40"/>
    <mergeCell ref="B42:C43"/>
    <mergeCell ref="E100:F100"/>
    <mergeCell ref="E89:F89"/>
    <mergeCell ref="E90:F90"/>
    <mergeCell ref="E91:F91"/>
    <mergeCell ref="E88:F88"/>
    <mergeCell ref="E80:F80"/>
    <mergeCell ref="E86:F86"/>
    <mergeCell ref="E75:F75"/>
    <mergeCell ref="E82:F82"/>
    <mergeCell ref="E83:F83"/>
    <mergeCell ref="E49:F49"/>
    <mergeCell ref="E50:F50"/>
    <mergeCell ref="E51:F51"/>
    <mergeCell ref="E56:F56"/>
    <mergeCell ref="E57:F57"/>
    <mergeCell ref="B248:C248"/>
    <mergeCell ref="E248:F248"/>
    <mergeCell ref="E249:F249"/>
    <mergeCell ref="E250:F250"/>
    <mergeCell ref="B292:C292"/>
    <mergeCell ref="E292:F292"/>
    <mergeCell ref="E140:F140"/>
    <mergeCell ref="E141:F141"/>
    <mergeCell ref="E142:F142"/>
    <mergeCell ref="E173:F173"/>
    <mergeCell ref="E174:F174"/>
    <mergeCell ref="E199:F199"/>
    <mergeCell ref="E143:F143"/>
    <mergeCell ref="E145:F145"/>
    <mergeCell ref="E157:F157"/>
    <mergeCell ref="E158:F158"/>
    <mergeCell ref="E159:F159"/>
    <mergeCell ref="E169:F169"/>
    <mergeCell ref="E170:F170"/>
    <mergeCell ref="E171:F171"/>
    <mergeCell ref="E172:F172"/>
    <mergeCell ref="B231:F231"/>
    <mergeCell ref="E299:F299"/>
    <mergeCell ref="E300:F300"/>
    <mergeCell ref="E301:F301"/>
    <mergeCell ref="E302:F302"/>
    <mergeCell ref="E303:F303"/>
    <mergeCell ref="E304:F304"/>
    <mergeCell ref="E305:F305"/>
    <mergeCell ref="E306:F306"/>
    <mergeCell ref="E307:F307"/>
    <mergeCell ref="E308:F308"/>
    <mergeCell ref="E309:F309"/>
    <mergeCell ref="E310:F310"/>
    <mergeCell ref="E322:F322"/>
    <mergeCell ref="E323:F323"/>
    <mergeCell ref="E324:F324"/>
    <mergeCell ref="E325:F325"/>
    <mergeCell ref="E326:F326"/>
    <mergeCell ref="E327:F327"/>
    <mergeCell ref="E328:F328"/>
    <mergeCell ref="E329:F329"/>
    <mergeCell ref="E330:F330"/>
    <mergeCell ref="E331:F331"/>
    <mergeCell ref="E333:F333"/>
    <mergeCell ref="E334:F334"/>
    <mergeCell ref="E335:F335"/>
    <mergeCell ref="E336:F336"/>
    <mergeCell ref="E338:F338"/>
  </mergeCells>
  <conditionalFormatting sqref="D48:D68 D353:D364 D74:D230">
    <cfRule type="containsBlanks" dxfId="17" priority="121">
      <formula>LEN(TRIM(D48))=0</formula>
    </cfRule>
  </conditionalFormatting>
  <conditionalFormatting sqref="E382:F382">
    <cfRule type="containsBlanks" dxfId="16" priority="120">
      <formula>LEN(TRIM(E382))=0</formula>
    </cfRule>
  </conditionalFormatting>
  <conditionalFormatting sqref="C380">
    <cfRule type="containsBlanks" dxfId="15" priority="118">
      <formula>LEN(TRIM(C380))=0</formula>
    </cfRule>
  </conditionalFormatting>
  <conditionalFormatting sqref="E383:F383">
    <cfRule type="containsBlanks" dxfId="14" priority="119">
      <formula>LEN(TRIM(E383))=0</formula>
    </cfRule>
  </conditionalFormatting>
  <conditionalFormatting sqref="C382">
    <cfRule type="containsBlanks" dxfId="13" priority="117">
      <formula>LEN(TRIM(C382))=0</formula>
    </cfRule>
  </conditionalFormatting>
  <conditionalFormatting sqref="C4:C5">
    <cfRule type="containsBlanks" dxfId="12" priority="116">
      <formula>LEN(TRIM(C4))=0</formula>
    </cfRule>
  </conditionalFormatting>
  <conditionalFormatting sqref="D45:D47">
    <cfRule type="containsBlanks" dxfId="11" priority="115">
      <formula>LEN(TRIM(D45))=0</formula>
    </cfRule>
  </conditionalFormatting>
  <conditionalFormatting sqref="C373:D373">
    <cfRule type="containsBlanks" dxfId="10" priority="106">
      <formula>LEN(TRIM(C373))=0</formula>
    </cfRule>
  </conditionalFormatting>
  <conditionalFormatting sqref="D72">
    <cfRule type="containsBlanks" dxfId="9" priority="91">
      <formula>LEN(TRIM(D72))=0</formula>
    </cfRule>
  </conditionalFormatting>
  <conditionalFormatting sqref="D73">
    <cfRule type="containsBlanks" dxfId="8" priority="89">
      <formula>LEN(TRIM(D73))=0</formula>
    </cfRule>
  </conditionalFormatting>
  <conditionalFormatting sqref="D69:D71">
    <cfRule type="containsBlanks" dxfId="7" priority="87">
      <formula>LEN(TRIM(D69))=0</formula>
    </cfRule>
  </conditionalFormatting>
  <conditionalFormatting sqref="C372:D372">
    <cfRule type="containsBlanks" dxfId="6" priority="57">
      <formula>LEN(TRIM(C372))=0</formula>
    </cfRule>
  </conditionalFormatting>
  <conditionalFormatting sqref="C371:D371">
    <cfRule type="containsBlanks" dxfId="5" priority="56">
      <formula>LEN(TRIM(C371))=0</formula>
    </cfRule>
  </conditionalFormatting>
  <conditionalFormatting sqref="C374:D374">
    <cfRule type="containsBlanks" dxfId="4" priority="55">
      <formula>LEN(TRIM(C374))=0</formula>
    </cfRule>
  </conditionalFormatting>
  <conditionalFormatting sqref="D365">
    <cfRule type="containsBlanks" dxfId="3" priority="48">
      <formula>LEN(TRIM(D365))=0</formula>
    </cfRule>
  </conditionalFormatting>
  <conditionalFormatting sqref="D307:D347 D248:D305">
    <cfRule type="containsBlanks" dxfId="2" priority="3">
      <formula>LEN(TRIM(D248))=0</formula>
    </cfRule>
  </conditionalFormatting>
  <conditionalFormatting sqref="D306">
    <cfRule type="containsBlanks" dxfId="1" priority="2">
      <formula>LEN(TRIM(D306))=0</formula>
    </cfRule>
  </conditionalFormatting>
  <conditionalFormatting sqref="D232:D243">
    <cfRule type="containsBlanks" dxfId="0" priority="1">
      <formula>LEN(TRIM(D232))=0</formula>
    </cfRule>
  </conditionalFormatting>
  <printOptions horizontalCentered="1"/>
  <pageMargins left="0.70866141732283472" right="0.70866141732283472" top="0.9055118110236221" bottom="0.74803149606299213" header="0.31496062992125984" footer="0.31496062992125984"/>
  <pageSetup paperSize="9" scale="64" fitToHeight="0" orientation="portrait" r:id="rId1"/>
  <headerFooter>
    <oddHeader>&amp;C&amp;"Arial,Normálne"&amp;16CENOVÁ PONUKA&amp;14
pre účel
prípravnej trhovej konzultácia a predbežného zapojenia záujemcov alebo uchádzačov (ďalej aj "PTK") OPRAVA 28.2.2023</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2-28T13:38:15Z</cp:lastPrinted>
  <dcterms:created xsi:type="dcterms:W3CDTF">2017-04-21T05:51:15Z</dcterms:created>
  <dcterms:modified xsi:type="dcterms:W3CDTF">2023-02-28T13:38:47Z</dcterms:modified>
</cp:coreProperties>
</file>